
<file path=[Content_Types].xml><?xml version="1.0" encoding="utf-8"?>
<Types xmlns="http://schemas.openxmlformats.org/package/2006/content-types">
  <Default Extension="emf" ContentType="image/x-emf"/>
  <Default Extension="jfif" ContentType="image/jpeg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  <p:sldMasterId id="2147483677" r:id="rId2"/>
  </p:sldMasterIdLst>
  <p:notesMasterIdLst>
    <p:notesMasterId r:id="rId19"/>
  </p:notesMasterIdLst>
  <p:handoutMasterIdLst>
    <p:handoutMasterId r:id="rId20"/>
  </p:handoutMasterIdLst>
  <p:sldIdLst>
    <p:sldId id="266" r:id="rId3"/>
    <p:sldId id="268" r:id="rId4"/>
    <p:sldId id="269" r:id="rId5"/>
    <p:sldId id="270" r:id="rId6"/>
    <p:sldId id="271" r:id="rId7"/>
    <p:sldId id="272" r:id="rId8"/>
    <p:sldId id="273" r:id="rId9"/>
    <p:sldId id="274" r:id="rId10"/>
    <p:sldId id="275" r:id="rId11"/>
    <p:sldId id="276" r:id="rId12"/>
    <p:sldId id="277" r:id="rId13"/>
    <p:sldId id="278" r:id="rId14"/>
    <p:sldId id="279" r:id="rId15"/>
    <p:sldId id="280" r:id="rId16"/>
    <p:sldId id="281" r:id="rId17"/>
    <p:sldId id="282" r:id="rId18"/>
  </p:sldIdLst>
  <p:sldSz cx="9144000" cy="6858000" type="screen4x3"/>
  <p:notesSz cx="6858000" cy="9144000"/>
  <p:custDataLst>
    <p:tags r:id="rId21"/>
  </p:custDataLst>
  <p:defaultTextStyle>
    <a:defPPr>
      <a:defRPr lang="de-DE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Allgemeines" id="{CB2E7776-5F69-442F-9FDD-DFFAFF0635DF}">
          <p14:sldIdLst>
            <p14:sldId id="266"/>
            <p14:sldId id="268"/>
            <p14:sldId id="269"/>
            <p14:sldId id="270"/>
            <p14:sldId id="271"/>
            <p14:sldId id="272"/>
            <p14:sldId id="273"/>
            <p14:sldId id="274"/>
            <p14:sldId id="275"/>
            <p14:sldId id="276"/>
            <p14:sldId id="277"/>
            <p14:sldId id="278"/>
            <p14:sldId id="279"/>
            <p14:sldId id="280"/>
            <p14:sldId id="281"/>
            <p14:sldId id="282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50C37"/>
    <a:srgbClr val="64646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ittlere Formatvorlage 2 - Akz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1E4AEA4-8DFA-4A89-87EB-49C32662AFE0}" styleName="Mittlere Formatvorlage 2 - Akz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F5AB1C69-6EDB-4FF4-983F-18BD219EF322}" styleName="Mittlere Formatvorlage 2 - Akzent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92" autoAdjust="0"/>
    <p:restoredTop sz="86393" autoAdjust="0"/>
  </p:normalViewPr>
  <p:slideViewPr>
    <p:cSldViewPr snapToObjects="1">
      <p:cViewPr varScale="1">
        <p:scale>
          <a:sx n="114" d="100"/>
          <a:sy n="114" d="100"/>
        </p:scale>
        <p:origin x="1506" y="102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3" Type="http://schemas.openxmlformats.org/officeDocument/2006/relationships/slide" Target="slides/slide1.xml"/><Relationship Id="rId21" Type="http://schemas.openxmlformats.org/officeDocument/2006/relationships/tags" Target="tags/tag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viewProps" Target="viewProps.xml"/><Relationship Id="rId10" Type="http://schemas.openxmlformats.org/officeDocument/2006/relationships/slide" Target="slides/slide8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presProps" Target="presProps.xml"/></Relationships>
</file>

<file path=ppt/diagrams/_rels/data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fif"/><Relationship Id="rId2" Type="http://schemas.openxmlformats.org/officeDocument/2006/relationships/image" Target="../media/image9.jpeg"/><Relationship Id="rId1" Type="http://schemas.openxmlformats.org/officeDocument/2006/relationships/image" Target="../media/image8.jpg"/><Relationship Id="rId6" Type="http://schemas.openxmlformats.org/officeDocument/2006/relationships/image" Target="../media/image13.png"/><Relationship Id="rId5" Type="http://schemas.openxmlformats.org/officeDocument/2006/relationships/image" Target="../media/image12.jpg"/><Relationship Id="rId4" Type="http://schemas.openxmlformats.org/officeDocument/2006/relationships/image" Target="../media/image11.jpg"/></Relationships>
</file>

<file path=ppt/diagrams/_rels/drawing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eg"/><Relationship Id="rId2" Type="http://schemas.openxmlformats.org/officeDocument/2006/relationships/image" Target="../media/image8.jpg"/><Relationship Id="rId1" Type="http://schemas.openxmlformats.org/officeDocument/2006/relationships/image" Target="../media/image13.png"/><Relationship Id="rId6" Type="http://schemas.openxmlformats.org/officeDocument/2006/relationships/image" Target="../media/image12.jpg"/><Relationship Id="rId5" Type="http://schemas.openxmlformats.org/officeDocument/2006/relationships/image" Target="../media/image11.jpg"/><Relationship Id="rId4" Type="http://schemas.openxmlformats.org/officeDocument/2006/relationships/image" Target="../media/image10.jfif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FD9CD717-CE83-4A40-B9D1-77E90D48F52F}" type="doc">
      <dgm:prSet loTypeId="urn:microsoft.com/office/officeart/2005/8/layout/vList5" loCatId="list" qsTypeId="urn:microsoft.com/office/officeart/2005/8/quickstyle/simple1" qsCatId="simple" csTypeId="urn:microsoft.com/office/officeart/2005/8/colors/accent2_5" csCatId="accent2" phldr="1"/>
      <dgm:spPr/>
      <dgm:t>
        <a:bodyPr/>
        <a:lstStyle/>
        <a:p>
          <a:endParaRPr lang="de-DE"/>
        </a:p>
      </dgm:t>
    </dgm:pt>
    <dgm:pt modelId="{0E77DF84-6B62-48DA-96B0-59A7640743FA}">
      <dgm:prSet phldrT="[Text]" custT="1"/>
      <dgm:spPr/>
      <dgm:t>
        <a:bodyPr/>
        <a:lstStyle/>
        <a:p>
          <a:r>
            <a:rPr lang="de-DE" sz="2400" dirty="0">
              <a:latin typeface="Frutiger CE 55 Roman"/>
            </a:rPr>
            <a:t>Wärme</a:t>
          </a:r>
          <a:r>
            <a:rPr lang="de-DE" sz="2400" b="1" dirty="0">
              <a:latin typeface="Frutiger CE 55 Roman"/>
            </a:rPr>
            <a:t>leitung</a:t>
          </a:r>
        </a:p>
      </dgm:t>
    </dgm:pt>
    <dgm:pt modelId="{EED06459-F3BD-4FCD-BB89-91F2EFA51115}" type="parTrans" cxnId="{BC068C6C-ECEE-4F85-81B1-D7B9F0D51E29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4CEEB9D8-FBE5-42A9-A7B1-00B2914E9859}" type="sibTrans" cxnId="{BC068C6C-ECEE-4F85-81B1-D7B9F0D51E29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ADA0111E-23BC-4C58-9183-84C93332C67B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Innerhalb eines festen Stoffes</a:t>
          </a:r>
        </a:p>
      </dgm:t>
    </dgm:pt>
    <dgm:pt modelId="{97120334-857E-4764-A5F8-1CCB934B2ED5}" type="parTrans" cxnId="{3A243D23-CB9D-449B-9754-17D874257E7E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2CFB8774-9C7B-4AA1-AC3B-AA0C5BD4B8F5}" type="sibTrans" cxnId="{3A243D23-CB9D-449B-9754-17D874257E7E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89A45C74-ACA7-466A-8796-D8F3D77B4CC0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Von Stoff zu Stoff bei Berührung</a:t>
          </a:r>
        </a:p>
      </dgm:t>
    </dgm:pt>
    <dgm:pt modelId="{E2AAA037-5896-48FE-96A5-731AAB072911}" type="parTrans" cxnId="{7DCBBC23-A186-48FF-8BA2-AA53A3C6421E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9A7A1AB1-E32D-4025-AA6A-1A731FAFA297}" type="sibTrans" cxnId="{7DCBBC23-A186-48FF-8BA2-AA53A3C6421E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C3731956-1D22-43C6-AFA4-6D424DA81367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Wärme</a:t>
          </a:r>
          <a:r>
            <a:rPr lang="de-DE" b="1" dirty="0">
              <a:latin typeface="Frutiger CE 55 Roman"/>
            </a:rPr>
            <a:t>strahlung</a:t>
          </a:r>
        </a:p>
      </dgm:t>
    </dgm:pt>
    <dgm:pt modelId="{9F7C51CF-0E4B-4222-8303-06A399D65ECC}" type="parTrans" cxnId="{D98DA09D-0A93-43AF-BC67-47321E96C15F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AE00448E-FD84-435A-A9E1-E06B19D9E4AC}" type="sibTrans" cxnId="{D98DA09D-0A93-43AF-BC67-47321E96C15F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EFA87E47-FA9A-428F-AE3F-3BAD37E4E8AB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Ohne „Wärmeträger“</a:t>
          </a:r>
        </a:p>
      </dgm:t>
    </dgm:pt>
    <dgm:pt modelId="{B9C96BF4-A34F-4EDF-A096-92F86926299B}" type="parTrans" cxnId="{598AD8AB-A1D5-4E29-9724-816BFA4B3F76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51DF3D70-40CC-41A7-8669-46B52A07CE29}" type="sibTrans" cxnId="{598AD8AB-A1D5-4E29-9724-816BFA4B3F76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82C97AD6-5D43-419E-8DC9-BA15F48DC0FB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Unabhängig vom Wind</a:t>
          </a:r>
        </a:p>
      </dgm:t>
    </dgm:pt>
    <dgm:pt modelId="{EC135CF9-91E0-4E7F-8936-1659AD002AF1}" type="parTrans" cxnId="{27F3180E-AC8E-4B06-99B3-27B931F8B849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B5654F37-B730-4D2F-8171-F8FCF299BE29}" type="sibTrans" cxnId="{27F3180E-AC8E-4B06-99B3-27B931F8B849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A8E166B5-DB4F-4158-8B08-B72A3DA80ED9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Wärme</a:t>
          </a:r>
          <a:r>
            <a:rPr lang="de-DE" b="1" dirty="0">
              <a:latin typeface="Frutiger CE 55 Roman"/>
            </a:rPr>
            <a:t>strömung</a:t>
          </a:r>
        </a:p>
      </dgm:t>
    </dgm:pt>
    <dgm:pt modelId="{5137BFAA-59CA-461D-865F-8F435EF03224}" type="parTrans" cxnId="{ACF504BE-3E33-40FB-B7B3-ADD351FC21A4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03E9B46F-D560-49C5-B8CA-0DAC65A9E6B3}" type="sibTrans" cxnId="{ACF504BE-3E33-40FB-B7B3-ADD351FC21A4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BD0F65BA-AB2B-41A4-BD7B-A5BEC988B988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Übertragung der Wärme in Gasen und Flüssigkeiten</a:t>
          </a:r>
        </a:p>
      </dgm:t>
    </dgm:pt>
    <dgm:pt modelId="{5E7E6818-E256-46CB-8EE4-6DE519D28D35}" type="parTrans" cxnId="{1C11D895-09C4-4BD7-9F0B-76669F41C807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AB369FDE-2FDB-4E8D-978B-5EFEE1A7506E}" type="sibTrans" cxnId="{1C11D895-09C4-4BD7-9F0B-76669F41C807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1D717057-E90E-4F9D-85BA-6A8C815D4710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Unterschiedliche Wärmeleitfähigkeit der Stoffe</a:t>
          </a:r>
        </a:p>
      </dgm:t>
    </dgm:pt>
    <dgm:pt modelId="{7E5BCCBC-4815-4359-B1A5-59D52918D887}" type="parTrans" cxnId="{29D3FB8C-C48B-4298-A746-145A73D1C5AB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FDAF561D-CF9A-4700-A91F-CC397A056610}" type="sibTrans" cxnId="{29D3FB8C-C48B-4298-A746-145A73D1C5AB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0A34FAB8-CEEB-4F7A-8C3C-54BF24C41CF5}">
      <dgm:prSet phldrT="[Text]"/>
      <dgm:spPr/>
      <dgm:t>
        <a:bodyPr/>
        <a:lstStyle/>
        <a:p>
          <a:r>
            <a:rPr lang="de-DE">
              <a:latin typeface="Frutiger CE 55 Roman"/>
            </a:rPr>
            <a:t>Gleichmäßige Ausbreitung in alle Richtungen</a:t>
          </a:r>
          <a:endParaRPr lang="de-DE" dirty="0">
            <a:latin typeface="Frutiger CE 55 Roman"/>
          </a:endParaRPr>
        </a:p>
      </dgm:t>
    </dgm:pt>
    <dgm:pt modelId="{6FFCCB1E-319D-48AD-9BCA-D2F57C8D4A4E}" type="parTrans" cxnId="{79BC9727-A4BD-4D7E-97A9-835CE9157F55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F4090897-D99F-47E7-ACD3-D0651A598503}" type="sibTrans" cxnId="{79BC9727-A4BD-4D7E-97A9-835CE9157F55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4A880C94-3FEC-4C86-AD3A-E13442D5A321}" type="pres">
      <dgm:prSet presAssocID="{FD9CD717-CE83-4A40-B9D1-77E90D48F52F}" presName="Name0" presStyleCnt="0">
        <dgm:presLayoutVars>
          <dgm:dir/>
          <dgm:animLvl val="lvl"/>
          <dgm:resizeHandles val="exact"/>
        </dgm:presLayoutVars>
      </dgm:prSet>
      <dgm:spPr/>
    </dgm:pt>
    <dgm:pt modelId="{B27656DC-EE03-4CBE-AE64-43387AD0C70A}" type="pres">
      <dgm:prSet presAssocID="{0E77DF84-6B62-48DA-96B0-59A7640743FA}" presName="linNode" presStyleCnt="0"/>
      <dgm:spPr/>
    </dgm:pt>
    <dgm:pt modelId="{6F5540F3-17BE-455B-8195-AC7C153E9DF3}" type="pres">
      <dgm:prSet presAssocID="{0E77DF84-6B62-48DA-96B0-59A7640743FA}" presName="parentText" presStyleLbl="node1" presStyleIdx="0" presStyleCnt="3">
        <dgm:presLayoutVars>
          <dgm:chMax val="1"/>
          <dgm:bulletEnabled val="1"/>
        </dgm:presLayoutVars>
      </dgm:prSet>
      <dgm:spPr/>
    </dgm:pt>
    <dgm:pt modelId="{880E6836-0740-4383-BCA3-FA604EE1E03D}" type="pres">
      <dgm:prSet presAssocID="{0E77DF84-6B62-48DA-96B0-59A7640743FA}" presName="descendantText" presStyleLbl="alignAccFollowNode1" presStyleIdx="0" presStyleCnt="3">
        <dgm:presLayoutVars>
          <dgm:bulletEnabled val="1"/>
        </dgm:presLayoutVars>
      </dgm:prSet>
      <dgm:spPr/>
    </dgm:pt>
    <dgm:pt modelId="{11336B07-ECB6-4536-812F-F6E6C8C396DB}" type="pres">
      <dgm:prSet presAssocID="{4CEEB9D8-FBE5-42A9-A7B1-00B2914E9859}" presName="sp" presStyleCnt="0"/>
      <dgm:spPr/>
    </dgm:pt>
    <dgm:pt modelId="{5727951C-403F-4452-9A10-CE26D6BC0BDF}" type="pres">
      <dgm:prSet presAssocID="{C3731956-1D22-43C6-AFA4-6D424DA81367}" presName="linNode" presStyleCnt="0"/>
      <dgm:spPr/>
    </dgm:pt>
    <dgm:pt modelId="{D2EBB208-555C-4A37-B00F-5950FA709C4A}" type="pres">
      <dgm:prSet presAssocID="{C3731956-1D22-43C6-AFA4-6D424DA81367}" presName="parentText" presStyleLbl="node1" presStyleIdx="1" presStyleCnt="3">
        <dgm:presLayoutVars>
          <dgm:chMax val="1"/>
          <dgm:bulletEnabled val="1"/>
        </dgm:presLayoutVars>
      </dgm:prSet>
      <dgm:spPr/>
    </dgm:pt>
    <dgm:pt modelId="{CC56FA3A-219B-4382-8B32-9BD431B97447}" type="pres">
      <dgm:prSet presAssocID="{C3731956-1D22-43C6-AFA4-6D424DA81367}" presName="descendantText" presStyleLbl="alignAccFollowNode1" presStyleIdx="1" presStyleCnt="3">
        <dgm:presLayoutVars>
          <dgm:bulletEnabled val="1"/>
        </dgm:presLayoutVars>
      </dgm:prSet>
      <dgm:spPr/>
    </dgm:pt>
    <dgm:pt modelId="{668248A0-78C3-40A3-9C75-4B2C06288B29}" type="pres">
      <dgm:prSet presAssocID="{AE00448E-FD84-435A-A9E1-E06B19D9E4AC}" presName="sp" presStyleCnt="0"/>
      <dgm:spPr/>
    </dgm:pt>
    <dgm:pt modelId="{3D05B2FE-D60E-4A32-976E-8E98989702E0}" type="pres">
      <dgm:prSet presAssocID="{A8E166B5-DB4F-4158-8B08-B72A3DA80ED9}" presName="linNode" presStyleCnt="0"/>
      <dgm:spPr/>
    </dgm:pt>
    <dgm:pt modelId="{FF88A981-4C32-4342-BF83-2D0B5BE4FD7E}" type="pres">
      <dgm:prSet presAssocID="{A8E166B5-DB4F-4158-8B08-B72A3DA80ED9}" presName="parentText" presStyleLbl="node1" presStyleIdx="2" presStyleCnt="3">
        <dgm:presLayoutVars>
          <dgm:chMax val="1"/>
          <dgm:bulletEnabled val="1"/>
        </dgm:presLayoutVars>
      </dgm:prSet>
      <dgm:spPr/>
    </dgm:pt>
    <dgm:pt modelId="{06BA9A91-E675-45FD-9046-F030CCAD6939}" type="pres">
      <dgm:prSet presAssocID="{A8E166B5-DB4F-4158-8B08-B72A3DA80ED9}" presName="descendantText" presStyleLbl="alignAccFollowNode1" presStyleIdx="2" presStyleCnt="3">
        <dgm:presLayoutVars>
          <dgm:bulletEnabled val="1"/>
        </dgm:presLayoutVars>
      </dgm:prSet>
      <dgm:spPr/>
    </dgm:pt>
  </dgm:ptLst>
  <dgm:cxnLst>
    <dgm:cxn modelId="{27F3180E-AC8E-4B06-99B3-27B931F8B849}" srcId="{C3731956-1D22-43C6-AFA4-6D424DA81367}" destId="{82C97AD6-5D43-419E-8DC9-BA15F48DC0FB}" srcOrd="1" destOrd="0" parTransId="{EC135CF9-91E0-4E7F-8936-1659AD002AF1}" sibTransId="{B5654F37-B730-4D2F-8171-F8FCF299BE29}"/>
    <dgm:cxn modelId="{6C94611C-491F-4F2A-B7FA-4F509B52779F}" type="presOf" srcId="{FD9CD717-CE83-4A40-B9D1-77E90D48F52F}" destId="{4A880C94-3FEC-4C86-AD3A-E13442D5A321}" srcOrd="0" destOrd="0" presId="urn:microsoft.com/office/officeart/2005/8/layout/vList5"/>
    <dgm:cxn modelId="{3A243D23-CB9D-449B-9754-17D874257E7E}" srcId="{0E77DF84-6B62-48DA-96B0-59A7640743FA}" destId="{ADA0111E-23BC-4C58-9183-84C93332C67B}" srcOrd="0" destOrd="0" parTransId="{97120334-857E-4764-A5F8-1CCB934B2ED5}" sibTransId="{2CFB8774-9C7B-4AA1-AC3B-AA0C5BD4B8F5}"/>
    <dgm:cxn modelId="{7DCBBC23-A186-48FF-8BA2-AA53A3C6421E}" srcId="{0E77DF84-6B62-48DA-96B0-59A7640743FA}" destId="{89A45C74-ACA7-466A-8796-D8F3D77B4CC0}" srcOrd="1" destOrd="0" parTransId="{E2AAA037-5896-48FE-96A5-731AAB072911}" sibTransId="{9A7A1AB1-E32D-4025-AA6A-1A731FAFA297}"/>
    <dgm:cxn modelId="{79BC9727-A4BD-4D7E-97A9-835CE9157F55}" srcId="{C3731956-1D22-43C6-AFA4-6D424DA81367}" destId="{0A34FAB8-CEEB-4F7A-8C3C-54BF24C41CF5}" srcOrd="2" destOrd="0" parTransId="{6FFCCB1E-319D-48AD-9BCA-D2F57C8D4A4E}" sibTransId="{F4090897-D99F-47E7-ACD3-D0651A598503}"/>
    <dgm:cxn modelId="{28D4742B-273B-4E3D-807E-9BBE0AE531D3}" type="presOf" srcId="{A8E166B5-DB4F-4158-8B08-B72A3DA80ED9}" destId="{FF88A981-4C32-4342-BF83-2D0B5BE4FD7E}" srcOrd="0" destOrd="0" presId="urn:microsoft.com/office/officeart/2005/8/layout/vList5"/>
    <dgm:cxn modelId="{BFEAB12E-60C6-437B-8308-4BEB4E59B997}" type="presOf" srcId="{ADA0111E-23BC-4C58-9183-84C93332C67B}" destId="{880E6836-0740-4383-BCA3-FA604EE1E03D}" srcOrd="0" destOrd="0" presId="urn:microsoft.com/office/officeart/2005/8/layout/vList5"/>
    <dgm:cxn modelId="{79C64D65-2F5F-4A3A-9F3C-560FE3CC98E2}" type="presOf" srcId="{82C97AD6-5D43-419E-8DC9-BA15F48DC0FB}" destId="{CC56FA3A-219B-4382-8B32-9BD431B97447}" srcOrd="0" destOrd="1" presId="urn:microsoft.com/office/officeart/2005/8/layout/vList5"/>
    <dgm:cxn modelId="{3842BA66-A27C-40E7-A17C-F99E460BCD4F}" type="presOf" srcId="{89A45C74-ACA7-466A-8796-D8F3D77B4CC0}" destId="{880E6836-0740-4383-BCA3-FA604EE1E03D}" srcOrd="0" destOrd="1" presId="urn:microsoft.com/office/officeart/2005/8/layout/vList5"/>
    <dgm:cxn modelId="{BC068C6C-ECEE-4F85-81B1-D7B9F0D51E29}" srcId="{FD9CD717-CE83-4A40-B9D1-77E90D48F52F}" destId="{0E77DF84-6B62-48DA-96B0-59A7640743FA}" srcOrd="0" destOrd="0" parTransId="{EED06459-F3BD-4FCD-BB89-91F2EFA51115}" sibTransId="{4CEEB9D8-FBE5-42A9-A7B1-00B2914E9859}"/>
    <dgm:cxn modelId="{DADFC24F-30EF-4468-A50E-A89980F4C29F}" type="presOf" srcId="{C3731956-1D22-43C6-AFA4-6D424DA81367}" destId="{D2EBB208-555C-4A37-B00F-5950FA709C4A}" srcOrd="0" destOrd="0" presId="urn:microsoft.com/office/officeart/2005/8/layout/vList5"/>
    <dgm:cxn modelId="{050E6252-3135-425D-A549-124C8F5F839F}" type="presOf" srcId="{BD0F65BA-AB2B-41A4-BD7B-A5BEC988B988}" destId="{06BA9A91-E675-45FD-9046-F030CCAD6939}" srcOrd="0" destOrd="0" presId="urn:microsoft.com/office/officeart/2005/8/layout/vList5"/>
    <dgm:cxn modelId="{29D3FB8C-C48B-4298-A746-145A73D1C5AB}" srcId="{0E77DF84-6B62-48DA-96B0-59A7640743FA}" destId="{1D717057-E90E-4F9D-85BA-6A8C815D4710}" srcOrd="2" destOrd="0" parTransId="{7E5BCCBC-4815-4359-B1A5-59D52918D887}" sibTransId="{FDAF561D-CF9A-4700-A91F-CC397A056610}"/>
    <dgm:cxn modelId="{A41E248F-5F1A-469C-9048-EBE16756E0B7}" type="presOf" srcId="{1D717057-E90E-4F9D-85BA-6A8C815D4710}" destId="{880E6836-0740-4383-BCA3-FA604EE1E03D}" srcOrd="0" destOrd="2" presId="urn:microsoft.com/office/officeart/2005/8/layout/vList5"/>
    <dgm:cxn modelId="{1C11D895-09C4-4BD7-9F0B-76669F41C807}" srcId="{A8E166B5-DB4F-4158-8B08-B72A3DA80ED9}" destId="{BD0F65BA-AB2B-41A4-BD7B-A5BEC988B988}" srcOrd="0" destOrd="0" parTransId="{5E7E6818-E256-46CB-8EE4-6DE519D28D35}" sibTransId="{AB369FDE-2FDB-4E8D-978B-5EFEE1A7506E}"/>
    <dgm:cxn modelId="{D98DA09D-0A93-43AF-BC67-47321E96C15F}" srcId="{FD9CD717-CE83-4A40-B9D1-77E90D48F52F}" destId="{C3731956-1D22-43C6-AFA4-6D424DA81367}" srcOrd="1" destOrd="0" parTransId="{9F7C51CF-0E4B-4222-8303-06A399D65ECC}" sibTransId="{AE00448E-FD84-435A-A9E1-E06B19D9E4AC}"/>
    <dgm:cxn modelId="{598AD8AB-A1D5-4E29-9724-816BFA4B3F76}" srcId="{C3731956-1D22-43C6-AFA4-6D424DA81367}" destId="{EFA87E47-FA9A-428F-AE3F-3BAD37E4E8AB}" srcOrd="0" destOrd="0" parTransId="{B9C96BF4-A34F-4EDF-A096-92F86926299B}" sibTransId="{51DF3D70-40CC-41A7-8669-46B52A07CE29}"/>
    <dgm:cxn modelId="{ACF504BE-3E33-40FB-B7B3-ADD351FC21A4}" srcId="{FD9CD717-CE83-4A40-B9D1-77E90D48F52F}" destId="{A8E166B5-DB4F-4158-8B08-B72A3DA80ED9}" srcOrd="2" destOrd="0" parTransId="{5137BFAA-59CA-461D-865F-8F435EF03224}" sibTransId="{03E9B46F-D560-49C5-B8CA-0DAC65A9E6B3}"/>
    <dgm:cxn modelId="{9368C8C1-64F3-47E7-A546-EAF28D0F0413}" type="presOf" srcId="{0A34FAB8-CEEB-4F7A-8C3C-54BF24C41CF5}" destId="{CC56FA3A-219B-4382-8B32-9BD431B97447}" srcOrd="0" destOrd="2" presId="urn:microsoft.com/office/officeart/2005/8/layout/vList5"/>
    <dgm:cxn modelId="{E90DA2D2-1535-4A66-8C9B-BD26A8CD71C6}" type="presOf" srcId="{EFA87E47-FA9A-428F-AE3F-3BAD37E4E8AB}" destId="{CC56FA3A-219B-4382-8B32-9BD431B97447}" srcOrd="0" destOrd="0" presId="urn:microsoft.com/office/officeart/2005/8/layout/vList5"/>
    <dgm:cxn modelId="{571BB7DA-56D8-4843-B8F5-4962CACCCBAE}" type="presOf" srcId="{0E77DF84-6B62-48DA-96B0-59A7640743FA}" destId="{6F5540F3-17BE-455B-8195-AC7C153E9DF3}" srcOrd="0" destOrd="0" presId="urn:microsoft.com/office/officeart/2005/8/layout/vList5"/>
    <dgm:cxn modelId="{E72EB4F5-242C-4E24-BED7-DE582C12E6D6}" type="presParOf" srcId="{4A880C94-3FEC-4C86-AD3A-E13442D5A321}" destId="{B27656DC-EE03-4CBE-AE64-43387AD0C70A}" srcOrd="0" destOrd="0" presId="urn:microsoft.com/office/officeart/2005/8/layout/vList5"/>
    <dgm:cxn modelId="{325E5300-32B1-498F-9B23-31A46B0B35E1}" type="presParOf" srcId="{B27656DC-EE03-4CBE-AE64-43387AD0C70A}" destId="{6F5540F3-17BE-455B-8195-AC7C153E9DF3}" srcOrd="0" destOrd="0" presId="urn:microsoft.com/office/officeart/2005/8/layout/vList5"/>
    <dgm:cxn modelId="{B52FFA78-A418-4447-B1DB-9B98D2C4D62E}" type="presParOf" srcId="{B27656DC-EE03-4CBE-AE64-43387AD0C70A}" destId="{880E6836-0740-4383-BCA3-FA604EE1E03D}" srcOrd="1" destOrd="0" presId="urn:microsoft.com/office/officeart/2005/8/layout/vList5"/>
    <dgm:cxn modelId="{DA0B8D53-BA9F-4B70-91F0-85C41ED595B7}" type="presParOf" srcId="{4A880C94-3FEC-4C86-AD3A-E13442D5A321}" destId="{11336B07-ECB6-4536-812F-F6E6C8C396DB}" srcOrd="1" destOrd="0" presId="urn:microsoft.com/office/officeart/2005/8/layout/vList5"/>
    <dgm:cxn modelId="{14D8DB32-7494-4945-99A7-7BE1720D26AC}" type="presParOf" srcId="{4A880C94-3FEC-4C86-AD3A-E13442D5A321}" destId="{5727951C-403F-4452-9A10-CE26D6BC0BDF}" srcOrd="2" destOrd="0" presId="urn:microsoft.com/office/officeart/2005/8/layout/vList5"/>
    <dgm:cxn modelId="{B3005713-9936-4B29-A849-EF3498673AD8}" type="presParOf" srcId="{5727951C-403F-4452-9A10-CE26D6BC0BDF}" destId="{D2EBB208-555C-4A37-B00F-5950FA709C4A}" srcOrd="0" destOrd="0" presId="urn:microsoft.com/office/officeart/2005/8/layout/vList5"/>
    <dgm:cxn modelId="{A4338970-2052-401E-B126-E1537825EED7}" type="presParOf" srcId="{5727951C-403F-4452-9A10-CE26D6BC0BDF}" destId="{CC56FA3A-219B-4382-8B32-9BD431B97447}" srcOrd="1" destOrd="0" presId="urn:microsoft.com/office/officeart/2005/8/layout/vList5"/>
    <dgm:cxn modelId="{24DE1634-C94D-432F-A2DC-0A3BCFE7B4C5}" type="presParOf" srcId="{4A880C94-3FEC-4C86-AD3A-E13442D5A321}" destId="{668248A0-78C3-40A3-9C75-4B2C06288B29}" srcOrd="3" destOrd="0" presId="urn:microsoft.com/office/officeart/2005/8/layout/vList5"/>
    <dgm:cxn modelId="{B547214E-1BD7-49E6-BDA6-221D3192A859}" type="presParOf" srcId="{4A880C94-3FEC-4C86-AD3A-E13442D5A321}" destId="{3D05B2FE-D60E-4A32-976E-8E98989702E0}" srcOrd="4" destOrd="0" presId="urn:microsoft.com/office/officeart/2005/8/layout/vList5"/>
    <dgm:cxn modelId="{C29917A2-2B8A-4C6D-ACCC-87E7BD911BF6}" type="presParOf" srcId="{3D05B2FE-D60E-4A32-976E-8E98989702E0}" destId="{FF88A981-4C32-4342-BF83-2D0B5BE4FD7E}" srcOrd="0" destOrd="0" presId="urn:microsoft.com/office/officeart/2005/8/layout/vList5"/>
    <dgm:cxn modelId="{9AD5B93E-D003-4C80-BB43-6D0B142C50B6}" type="presParOf" srcId="{3D05B2FE-D60E-4A32-976E-8E98989702E0}" destId="{06BA9A91-E675-45FD-9046-F030CCAD6939}" srcOrd="1" destOrd="0" presId="urn:microsoft.com/office/officeart/2005/8/layout/vList5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3AD27DF1-DEC0-453F-B6E6-E622359E2220}" type="doc">
      <dgm:prSet loTypeId="urn:microsoft.com/office/officeart/2008/layout/CircularPictureCallout" loCatId="picture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de-DE"/>
        </a:p>
      </dgm:t>
    </dgm:pt>
    <dgm:pt modelId="{2FC43D12-3926-43D0-A890-724F486CDFC7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Wasser</a:t>
          </a:r>
        </a:p>
      </dgm:t>
    </dgm:pt>
    <dgm:pt modelId="{FB1A71D6-23B5-4506-B0EB-A4BFF630B66F}" type="parTrans" cxnId="{F203DDD3-EB06-4DDB-9A52-AB4C37BD13C7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C2570B01-46E0-497A-91A7-65EBE23D1595}" type="sibTrans" cxnId="{F203DDD3-EB06-4DDB-9A52-AB4C37BD13C7}">
      <dgm:prSet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9000" b="-19000"/>
          </a:stretch>
        </a:blipFill>
      </dgm:spPr>
      <dgm:t>
        <a:bodyPr/>
        <a:lstStyle/>
        <a:p>
          <a:endParaRPr lang="de-DE">
            <a:latin typeface="Frutiger CE 55 Roman"/>
          </a:endParaRPr>
        </a:p>
      </dgm:t>
    </dgm:pt>
    <dgm:pt modelId="{4F5F8843-6D7A-4B62-9C25-9570EFE828B9}">
      <dgm:prSet phldrT="[Text]" custT="1"/>
      <dgm:spPr/>
      <dgm:t>
        <a:bodyPr/>
        <a:lstStyle/>
        <a:p>
          <a:r>
            <a:rPr lang="de-DE" sz="1800">
              <a:latin typeface="Frutiger CE 55 Roman"/>
            </a:rPr>
            <a:t>Wasser </a:t>
          </a:r>
          <a:br>
            <a:rPr lang="de-DE" sz="1800">
              <a:latin typeface="Frutiger CE 55 Roman"/>
            </a:rPr>
          </a:br>
          <a:r>
            <a:rPr lang="de-DE" sz="1800">
              <a:latin typeface="Frutiger CE 55 Roman"/>
            </a:rPr>
            <a:t>mit Zusätzen</a:t>
          </a:r>
          <a:endParaRPr lang="de-DE" sz="1800" dirty="0">
            <a:latin typeface="Frutiger CE 55 Roman"/>
          </a:endParaRPr>
        </a:p>
      </dgm:t>
    </dgm:pt>
    <dgm:pt modelId="{85771FB5-9673-4CD5-B6B2-C527200B86DD}" type="parTrans" cxnId="{A215E38C-1384-44D0-9881-1D0602586304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759FE21F-FED3-4DF4-8333-9C81597F3931}" type="sibTrans" cxnId="{A215E38C-1384-44D0-9881-1D0602586304}">
      <dgm:prSet/>
      <dgm:spPr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79000" b="-79000"/>
          </a:stretch>
        </a:blipFill>
      </dgm:spPr>
      <dgm:t>
        <a:bodyPr/>
        <a:lstStyle/>
        <a:p>
          <a:endParaRPr lang="de-DE">
            <a:latin typeface="Frutiger CE 55 Roman"/>
          </a:endParaRPr>
        </a:p>
      </dgm:t>
    </dgm:pt>
    <dgm:pt modelId="{AA7B2C08-262A-4E46-836C-46732080A609}">
      <dgm:prSet phldrT="[Text]"/>
      <dgm:spPr/>
      <dgm:t>
        <a:bodyPr/>
        <a:lstStyle/>
        <a:p>
          <a:r>
            <a:rPr lang="de-DE">
              <a:latin typeface="Frutiger CE 55 Roman"/>
            </a:rPr>
            <a:t>Schaum</a:t>
          </a:r>
          <a:endParaRPr lang="de-DE" dirty="0">
            <a:latin typeface="Frutiger CE 55 Roman"/>
          </a:endParaRPr>
        </a:p>
      </dgm:t>
    </dgm:pt>
    <dgm:pt modelId="{255BA18A-334E-413B-A137-0FA61E69AD61}" type="parTrans" cxnId="{1646E1AE-1E2F-4A92-8A1D-85AFBE34EE46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581550CE-6BE3-4B91-998D-BD87C60AB990}" type="sibTrans" cxnId="{1646E1AE-1E2F-4A92-8A1D-85AFBE34EE46}">
      <dgm:prSet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20000" b="-20000"/>
          </a:stretch>
        </a:blipFill>
      </dgm:spPr>
      <dgm:t>
        <a:bodyPr/>
        <a:lstStyle/>
        <a:p>
          <a:endParaRPr lang="de-DE">
            <a:latin typeface="Frutiger CE 55 Roman"/>
          </a:endParaRPr>
        </a:p>
      </dgm:t>
    </dgm:pt>
    <dgm:pt modelId="{5E55B742-D388-4339-A257-515F3FF50AAA}">
      <dgm:prSet phldrT="[Text]"/>
      <dgm:spPr/>
      <dgm:t>
        <a:bodyPr/>
        <a:lstStyle/>
        <a:p>
          <a:r>
            <a:rPr lang="de-DE">
              <a:latin typeface="Frutiger CE 55 Roman"/>
            </a:rPr>
            <a:t>Löschpulver</a:t>
          </a:r>
          <a:endParaRPr lang="de-DE" dirty="0">
            <a:latin typeface="Frutiger CE 55 Roman"/>
          </a:endParaRPr>
        </a:p>
      </dgm:t>
    </dgm:pt>
    <dgm:pt modelId="{B6739905-D6FB-429C-BBAB-2F1F9C42912C}" type="parTrans" cxnId="{22B4B72A-EA80-4637-8B14-CE6A43893273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47ABCD87-F69E-4A4D-A370-862B783A5504}" type="sibTrans" cxnId="{22B4B72A-EA80-4637-8B14-CE6A43893273}">
      <dgm:prSet/>
      <dgm:spPr>
        <a:blipFill>
          <a:blip xmlns:r="http://schemas.openxmlformats.org/officeDocument/2006/relationships"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000" b="-1000"/>
          </a:stretch>
        </a:blipFill>
      </dgm:spPr>
      <dgm:t>
        <a:bodyPr/>
        <a:lstStyle/>
        <a:p>
          <a:endParaRPr lang="de-DE">
            <a:latin typeface="Frutiger CE 55 Roman"/>
          </a:endParaRPr>
        </a:p>
      </dgm:t>
    </dgm:pt>
    <dgm:pt modelId="{78B3C6B1-60B1-4CCF-8CD3-FCB25811A700}">
      <dgm:prSet phldrT="[Text]"/>
      <dgm:spPr/>
      <dgm:t>
        <a:bodyPr/>
        <a:lstStyle/>
        <a:p>
          <a:r>
            <a:rPr lang="de-DE" dirty="0">
              <a:latin typeface="Frutiger CE 55 Roman"/>
            </a:rPr>
            <a:t>Kohlendioxid (CO</a:t>
          </a:r>
          <a:r>
            <a:rPr lang="de-DE" baseline="-25000" dirty="0">
              <a:latin typeface="Frutiger CE 55 Roman"/>
            </a:rPr>
            <a:t>2</a:t>
          </a:r>
          <a:r>
            <a:rPr lang="de-DE" dirty="0">
              <a:latin typeface="Frutiger CE 55 Roman"/>
            </a:rPr>
            <a:t>)</a:t>
          </a:r>
        </a:p>
      </dgm:t>
    </dgm:pt>
    <dgm:pt modelId="{E3C70BB3-0983-494E-B8F0-2BFCDDC1A152}" type="parTrans" cxnId="{4E1BF25C-F33A-4DDF-A473-5507D5507147}">
      <dgm:prSet/>
      <dgm:spPr/>
      <dgm:t>
        <a:bodyPr/>
        <a:lstStyle/>
        <a:p>
          <a:endParaRPr lang="de-DE">
            <a:latin typeface="Frutiger CE 55 Roman"/>
          </a:endParaRPr>
        </a:p>
      </dgm:t>
    </dgm:pt>
    <dgm:pt modelId="{EA8A46A2-09C1-4BB0-9652-FC7093AEFA8E}" type="sibTrans" cxnId="{4E1BF25C-F33A-4DDF-A473-5507D5507147}">
      <dgm:prSet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6000" r="-6000"/>
          </a:stretch>
        </a:blipFill>
      </dgm:spPr>
      <dgm:t>
        <a:bodyPr/>
        <a:lstStyle/>
        <a:p>
          <a:endParaRPr lang="de-DE">
            <a:latin typeface="Frutiger CE 55 Roman"/>
          </a:endParaRPr>
        </a:p>
      </dgm:t>
    </dgm:pt>
    <dgm:pt modelId="{E817570E-38C8-40F9-A49A-E9582C34C34B}">
      <dgm:prSet phldrT="[Text]"/>
      <dgm:spPr/>
      <dgm:t>
        <a:bodyPr/>
        <a:lstStyle/>
        <a:p>
          <a:r>
            <a:rPr lang="de-DE">
              <a:latin typeface="Frutiger CE 55 Roman"/>
            </a:rPr>
            <a:t>Löschmittel</a:t>
          </a:r>
          <a:endParaRPr lang="de-DE" dirty="0">
            <a:latin typeface="Frutiger CE 55 Roman"/>
          </a:endParaRPr>
        </a:p>
      </dgm:t>
    </dgm:pt>
    <dgm:pt modelId="{6427A339-FAFA-449F-BFAA-53ABA082A1DB}" type="parTrans" cxnId="{6DD57BE2-5073-41DC-AB3A-AEDD4A158E66}">
      <dgm:prSet/>
      <dgm:spPr/>
      <dgm:t>
        <a:bodyPr/>
        <a:lstStyle/>
        <a:p>
          <a:endParaRPr lang="de-DE"/>
        </a:p>
      </dgm:t>
    </dgm:pt>
    <dgm:pt modelId="{E7017C2D-FDA9-487D-BF2C-75024BB6ECB3}" type="sibTrans" cxnId="{6DD57BE2-5073-41DC-AB3A-AEDD4A158E66}">
      <dgm:prSet/>
      <dgm:spPr>
        <a:blipFill rotWithShape="1">
          <a:blip xmlns:r="http://schemas.openxmlformats.org/officeDocument/2006/relationships" r:embed="rId6"/>
          <a:srcRect/>
          <a:stretch>
            <a:fillRect t="-7000" b="-7000"/>
          </a:stretch>
        </a:blipFill>
      </dgm:spPr>
      <dgm:t>
        <a:bodyPr/>
        <a:lstStyle/>
        <a:p>
          <a:endParaRPr lang="de-DE"/>
        </a:p>
      </dgm:t>
    </dgm:pt>
    <dgm:pt modelId="{22504CA2-EF78-4C70-B776-608565178C0F}" type="pres">
      <dgm:prSet presAssocID="{3AD27DF1-DEC0-453F-B6E6-E622359E2220}" presName="Name0" presStyleCnt="0">
        <dgm:presLayoutVars>
          <dgm:chMax val="7"/>
          <dgm:chPref val="7"/>
          <dgm:dir/>
        </dgm:presLayoutVars>
      </dgm:prSet>
      <dgm:spPr/>
    </dgm:pt>
    <dgm:pt modelId="{5CC2317A-A162-40B4-B597-C3E38483203F}" type="pres">
      <dgm:prSet presAssocID="{3AD27DF1-DEC0-453F-B6E6-E622359E2220}" presName="Name1" presStyleCnt="0"/>
      <dgm:spPr/>
    </dgm:pt>
    <dgm:pt modelId="{8EEC3CE1-5503-4009-B8F2-CE4096C30052}" type="pres">
      <dgm:prSet presAssocID="{E7017C2D-FDA9-487D-BF2C-75024BB6ECB3}" presName="picture_1" presStyleCnt="0"/>
      <dgm:spPr/>
    </dgm:pt>
    <dgm:pt modelId="{B09D2313-DCB5-454D-ADD0-7D624F91694D}" type="pres">
      <dgm:prSet presAssocID="{E7017C2D-FDA9-487D-BF2C-75024BB6ECB3}" presName="pictureRepeatNode" presStyleLbl="alignImgPlace1" presStyleIdx="0" presStyleCnt="6" custLinFactNeighborX="105" custLinFactNeighborY="1161"/>
      <dgm:spPr/>
    </dgm:pt>
    <dgm:pt modelId="{24976086-DB9B-4E1A-A0BA-0CD2AF0DE9BE}" type="pres">
      <dgm:prSet presAssocID="{E817570E-38C8-40F9-A49A-E9582C34C34B}" presName="text_1" presStyleLbl="node1" presStyleIdx="0" presStyleCnt="0">
        <dgm:presLayoutVars>
          <dgm:bulletEnabled val="1"/>
        </dgm:presLayoutVars>
      </dgm:prSet>
      <dgm:spPr/>
    </dgm:pt>
    <dgm:pt modelId="{E95402FD-4EA8-4C68-8FCF-AF0D36CE1377}" type="pres">
      <dgm:prSet presAssocID="{C2570B01-46E0-497A-91A7-65EBE23D1595}" presName="picture_2" presStyleCnt="0"/>
      <dgm:spPr/>
    </dgm:pt>
    <dgm:pt modelId="{D51FA3EE-8A14-4322-AEAE-419A8267B237}" type="pres">
      <dgm:prSet presAssocID="{C2570B01-46E0-497A-91A7-65EBE23D1595}" presName="pictureRepeatNode" presStyleLbl="alignImgPlace1" presStyleIdx="1" presStyleCnt="6"/>
      <dgm:spPr/>
    </dgm:pt>
    <dgm:pt modelId="{6E68ED5A-3A16-4511-9993-51849F0057F0}" type="pres">
      <dgm:prSet presAssocID="{2FC43D12-3926-43D0-A890-724F486CDFC7}" presName="line_2" presStyleLbl="parChTrans1D1" presStyleIdx="0" presStyleCnt="5"/>
      <dgm:spPr/>
    </dgm:pt>
    <dgm:pt modelId="{EF4F6DCE-8066-48AE-BE8F-7667686C35F7}" type="pres">
      <dgm:prSet presAssocID="{2FC43D12-3926-43D0-A890-724F486CDFC7}" presName="textparent_2" presStyleLbl="node1" presStyleIdx="0" presStyleCnt="0"/>
      <dgm:spPr/>
    </dgm:pt>
    <dgm:pt modelId="{A741EADA-E2ED-4DF0-A56C-CE338B091B7E}" type="pres">
      <dgm:prSet presAssocID="{2FC43D12-3926-43D0-A890-724F486CDFC7}" presName="text_2" presStyleLbl="revTx" presStyleIdx="0" presStyleCnt="5">
        <dgm:presLayoutVars>
          <dgm:bulletEnabled val="1"/>
        </dgm:presLayoutVars>
      </dgm:prSet>
      <dgm:spPr/>
    </dgm:pt>
    <dgm:pt modelId="{CEB262D4-CC7B-4B15-98D0-64C3B6E46DF0}" type="pres">
      <dgm:prSet presAssocID="{759FE21F-FED3-4DF4-8333-9C81597F3931}" presName="picture_3" presStyleCnt="0"/>
      <dgm:spPr/>
    </dgm:pt>
    <dgm:pt modelId="{4D60203B-BF14-417B-A232-63549F587F1D}" type="pres">
      <dgm:prSet presAssocID="{759FE21F-FED3-4DF4-8333-9C81597F3931}" presName="pictureRepeatNode" presStyleLbl="alignImgPlace1" presStyleIdx="2" presStyleCnt="6"/>
      <dgm:spPr/>
    </dgm:pt>
    <dgm:pt modelId="{BA9BB3A5-31AC-4A3F-952F-3C9F2612D500}" type="pres">
      <dgm:prSet presAssocID="{4F5F8843-6D7A-4B62-9C25-9570EFE828B9}" presName="line_3" presStyleLbl="parChTrans1D1" presStyleIdx="1" presStyleCnt="5"/>
      <dgm:spPr/>
    </dgm:pt>
    <dgm:pt modelId="{82981CB6-E9E5-4745-9D91-FD408A316E31}" type="pres">
      <dgm:prSet presAssocID="{4F5F8843-6D7A-4B62-9C25-9570EFE828B9}" presName="textparent_3" presStyleLbl="node1" presStyleIdx="0" presStyleCnt="0"/>
      <dgm:spPr/>
    </dgm:pt>
    <dgm:pt modelId="{9645F385-5058-40FE-9627-D07246CFAD28}" type="pres">
      <dgm:prSet presAssocID="{4F5F8843-6D7A-4B62-9C25-9570EFE828B9}" presName="text_3" presStyleLbl="revTx" presStyleIdx="1" presStyleCnt="5" custScaleX="398854">
        <dgm:presLayoutVars>
          <dgm:bulletEnabled val="1"/>
        </dgm:presLayoutVars>
      </dgm:prSet>
      <dgm:spPr/>
    </dgm:pt>
    <dgm:pt modelId="{C6F462AC-F7D7-47DA-B174-B41FBA821D5F}" type="pres">
      <dgm:prSet presAssocID="{581550CE-6BE3-4B91-998D-BD87C60AB990}" presName="picture_4" presStyleCnt="0"/>
      <dgm:spPr/>
    </dgm:pt>
    <dgm:pt modelId="{E50E293A-D006-43B2-9BED-007E130BB94E}" type="pres">
      <dgm:prSet presAssocID="{581550CE-6BE3-4B91-998D-BD87C60AB990}" presName="pictureRepeatNode" presStyleLbl="alignImgPlace1" presStyleIdx="3" presStyleCnt="6"/>
      <dgm:spPr/>
    </dgm:pt>
    <dgm:pt modelId="{3F4FE847-3621-44DF-B0B9-422BC4D8B871}" type="pres">
      <dgm:prSet presAssocID="{AA7B2C08-262A-4E46-836C-46732080A609}" presName="line_4" presStyleLbl="parChTrans1D1" presStyleIdx="2" presStyleCnt="5"/>
      <dgm:spPr/>
    </dgm:pt>
    <dgm:pt modelId="{A237D4FC-A93B-44DE-8BC8-C9CB1534F899}" type="pres">
      <dgm:prSet presAssocID="{AA7B2C08-262A-4E46-836C-46732080A609}" presName="textparent_4" presStyleLbl="node1" presStyleIdx="0" presStyleCnt="0"/>
      <dgm:spPr/>
    </dgm:pt>
    <dgm:pt modelId="{7531E8CC-299C-472A-84E4-7D9A11ACA229}" type="pres">
      <dgm:prSet presAssocID="{AA7B2C08-262A-4E46-836C-46732080A609}" presName="text_4" presStyleLbl="revTx" presStyleIdx="2" presStyleCnt="5">
        <dgm:presLayoutVars>
          <dgm:bulletEnabled val="1"/>
        </dgm:presLayoutVars>
      </dgm:prSet>
      <dgm:spPr/>
    </dgm:pt>
    <dgm:pt modelId="{8EDC7034-AC71-4309-9B3B-33B785E5DA46}" type="pres">
      <dgm:prSet presAssocID="{47ABCD87-F69E-4A4D-A370-862B783A5504}" presName="picture_5" presStyleCnt="0"/>
      <dgm:spPr/>
    </dgm:pt>
    <dgm:pt modelId="{F78BAE70-99B3-4F77-8920-673A830E4921}" type="pres">
      <dgm:prSet presAssocID="{47ABCD87-F69E-4A4D-A370-862B783A5504}" presName="pictureRepeatNode" presStyleLbl="alignImgPlace1" presStyleIdx="4" presStyleCnt="6"/>
      <dgm:spPr/>
    </dgm:pt>
    <dgm:pt modelId="{661EF88F-7802-46F3-9037-55E7DF298102}" type="pres">
      <dgm:prSet presAssocID="{5E55B742-D388-4339-A257-515F3FF50AAA}" presName="line_5" presStyleLbl="parChTrans1D1" presStyleIdx="3" presStyleCnt="5"/>
      <dgm:spPr/>
    </dgm:pt>
    <dgm:pt modelId="{36D7F8A5-EE66-4965-8EDB-D7344C9A3716}" type="pres">
      <dgm:prSet presAssocID="{5E55B742-D388-4339-A257-515F3FF50AAA}" presName="textparent_5" presStyleLbl="node1" presStyleIdx="0" presStyleCnt="0"/>
      <dgm:spPr/>
    </dgm:pt>
    <dgm:pt modelId="{F69ED524-A893-4E84-8E22-71309F174D6F}" type="pres">
      <dgm:prSet presAssocID="{5E55B742-D388-4339-A257-515F3FF50AAA}" presName="text_5" presStyleLbl="revTx" presStyleIdx="3" presStyleCnt="5">
        <dgm:presLayoutVars>
          <dgm:bulletEnabled val="1"/>
        </dgm:presLayoutVars>
      </dgm:prSet>
      <dgm:spPr/>
    </dgm:pt>
    <dgm:pt modelId="{B2152EFD-34DD-4516-A614-4C3F20A37AF5}" type="pres">
      <dgm:prSet presAssocID="{EA8A46A2-09C1-4BB0-9652-FC7093AEFA8E}" presName="picture_6" presStyleCnt="0"/>
      <dgm:spPr/>
    </dgm:pt>
    <dgm:pt modelId="{6F7A8261-69EF-4F03-818B-5BC31CA1B1E8}" type="pres">
      <dgm:prSet presAssocID="{EA8A46A2-09C1-4BB0-9652-FC7093AEFA8E}" presName="pictureRepeatNode" presStyleLbl="alignImgPlace1" presStyleIdx="5" presStyleCnt="6"/>
      <dgm:spPr/>
    </dgm:pt>
    <dgm:pt modelId="{4C375364-6BA9-4A1F-9B15-0A28FD7A8C07}" type="pres">
      <dgm:prSet presAssocID="{78B3C6B1-60B1-4CCF-8CD3-FCB25811A700}" presName="line_6" presStyleLbl="parChTrans1D1" presStyleIdx="4" presStyleCnt="5"/>
      <dgm:spPr/>
    </dgm:pt>
    <dgm:pt modelId="{01D13121-175A-4E74-B93D-A22E067359B8}" type="pres">
      <dgm:prSet presAssocID="{78B3C6B1-60B1-4CCF-8CD3-FCB25811A700}" presName="textparent_6" presStyleLbl="node1" presStyleIdx="0" presStyleCnt="0"/>
      <dgm:spPr/>
    </dgm:pt>
    <dgm:pt modelId="{E925D5B1-295E-4C39-9990-DC5C163E7C2A}" type="pres">
      <dgm:prSet presAssocID="{78B3C6B1-60B1-4CCF-8CD3-FCB25811A700}" presName="text_6" presStyleLbl="revTx" presStyleIdx="4" presStyleCnt="5">
        <dgm:presLayoutVars>
          <dgm:bulletEnabled val="1"/>
        </dgm:presLayoutVars>
      </dgm:prSet>
      <dgm:spPr/>
    </dgm:pt>
  </dgm:ptLst>
  <dgm:cxnLst>
    <dgm:cxn modelId="{B676110E-8992-49F1-A025-8B1133B6FA92}" type="presOf" srcId="{E7017C2D-FDA9-487D-BF2C-75024BB6ECB3}" destId="{B09D2313-DCB5-454D-ADD0-7D624F91694D}" srcOrd="0" destOrd="0" presId="urn:microsoft.com/office/officeart/2008/layout/CircularPictureCallout"/>
    <dgm:cxn modelId="{CCCCBA12-4954-4FA3-BCE9-C1A1C68AC868}" type="presOf" srcId="{C2570B01-46E0-497A-91A7-65EBE23D1595}" destId="{D51FA3EE-8A14-4322-AEAE-419A8267B237}" srcOrd="0" destOrd="0" presId="urn:microsoft.com/office/officeart/2008/layout/CircularPictureCallout"/>
    <dgm:cxn modelId="{22B4B72A-EA80-4637-8B14-CE6A43893273}" srcId="{3AD27DF1-DEC0-453F-B6E6-E622359E2220}" destId="{5E55B742-D388-4339-A257-515F3FF50AAA}" srcOrd="4" destOrd="0" parTransId="{B6739905-D6FB-429C-BBAB-2F1F9C42912C}" sibTransId="{47ABCD87-F69E-4A4D-A370-862B783A5504}"/>
    <dgm:cxn modelId="{F9288C31-ACC0-4C52-8922-A8F87A9F669A}" type="presOf" srcId="{AA7B2C08-262A-4E46-836C-46732080A609}" destId="{7531E8CC-299C-472A-84E4-7D9A11ACA229}" srcOrd="0" destOrd="0" presId="urn:microsoft.com/office/officeart/2008/layout/CircularPictureCallout"/>
    <dgm:cxn modelId="{4E1BF25C-F33A-4DDF-A473-5507D5507147}" srcId="{3AD27DF1-DEC0-453F-B6E6-E622359E2220}" destId="{78B3C6B1-60B1-4CCF-8CD3-FCB25811A700}" srcOrd="5" destOrd="0" parTransId="{E3C70BB3-0983-494E-B8F0-2BFCDDC1A152}" sibTransId="{EA8A46A2-09C1-4BB0-9652-FC7093AEFA8E}"/>
    <dgm:cxn modelId="{442D1742-8AAC-4CEE-B143-743DAACE5423}" type="presOf" srcId="{78B3C6B1-60B1-4CCF-8CD3-FCB25811A700}" destId="{E925D5B1-295E-4C39-9990-DC5C163E7C2A}" srcOrd="0" destOrd="0" presId="urn:microsoft.com/office/officeart/2008/layout/CircularPictureCallout"/>
    <dgm:cxn modelId="{2D5E2D45-132F-4265-AE63-947B224EB608}" type="presOf" srcId="{5E55B742-D388-4339-A257-515F3FF50AAA}" destId="{F69ED524-A893-4E84-8E22-71309F174D6F}" srcOrd="0" destOrd="0" presId="urn:microsoft.com/office/officeart/2008/layout/CircularPictureCallout"/>
    <dgm:cxn modelId="{43BB1B48-9EA9-4D06-9684-5A5EC2BC24A8}" type="presOf" srcId="{2FC43D12-3926-43D0-A890-724F486CDFC7}" destId="{A741EADA-E2ED-4DF0-A56C-CE338B091B7E}" srcOrd="0" destOrd="0" presId="urn:microsoft.com/office/officeart/2008/layout/CircularPictureCallout"/>
    <dgm:cxn modelId="{8B95D74A-17F7-420D-B28F-5231E2FE6466}" type="presOf" srcId="{581550CE-6BE3-4B91-998D-BD87C60AB990}" destId="{E50E293A-D006-43B2-9BED-007E130BB94E}" srcOrd="0" destOrd="0" presId="urn:microsoft.com/office/officeart/2008/layout/CircularPictureCallout"/>
    <dgm:cxn modelId="{A7B7FB82-A4C5-4C82-B137-A15E173A1DB0}" type="presOf" srcId="{EA8A46A2-09C1-4BB0-9652-FC7093AEFA8E}" destId="{6F7A8261-69EF-4F03-818B-5BC31CA1B1E8}" srcOrd="0" destOrd="0" presId="urn:microsoft.com/office/officeart/2008/layout/CircularPictureCallout"/>
    <dgm:cxn modelId="{A215E38C-1384-44D0-9881-1D0602586304}" srcId="{3AD27DF1-DEC0-453F-B6E6-E622359E2220}" destId="{4F5F8843-6D7A-4B62-9C25-9570EFE828B9}" srcOrd="2" destOrd="0" parTransId="{85771FB5-9673-4CD5-B6B2-C527200B86DD}" sibTransId="{759FE21F-FED3-4DF4-8333-9C81597F3931}"/>
    <dgm:cxn modelId="{F4961298-5C1A-4A46-BA34-C87E6AE0D7E1}" type="presOf" srcId="{E817570E-38C8-40F9-A49A-E9582C34C34B}" destId="{24976086-DB9B-4E1A-A0BA-0CD2AF0DE9BE}" srcOrd="0" destOrd="0" presId="urn:microsoft.com/office/officeart/2008/layout/CircularPictureCallout"/>
    <dgm:cxn modelId="{1646E1AE-1E2F-4A92-8A1D-85AFBE34EE46}" srcId="{3AD27DF1-DEC0-453F-B6E6-E622359E2220}" destId="{AA7B2C08-262A-4E46-836C-46732080A609}" srcOrd="3" destOrd="0" parTransId="{255BA18A-334E-413B-A137-0FA61E69AD61}" sibTransId="{581550CE-6BE3-4B91-998D-BD87C60AB990}"/>
    <dgm:cxn modelId="{6F0F94B2-3278-40A7-9E7E-D21B6F1B452C}" type="presOf" srcId="{3AD27DF1-DEC0-453F-B6E6-E622359E2220}" destId="{22504CA2-EF78-4C70-B776-608565178C0F}" srcOrd="0" destOrd="0" presId="urn:microsoft.com/office/officeart/2008/layout/CircularPictureCallout"/>
    <dgm:cxn modelId="{343887B5-11B1-46ED-9DC1-7BFDFB9C7BDB}" type="presOf" srcId="{759FE21F-FED3-4DF4-8333-9C81597F3931}" destId="{4D60203B-BF14-417B-A232-63549F587F1D}" srcOrd="0" destOrd="0" presId="urn:microsoft.com/office/officeart/2008/layout/CircularPictureCallout"/>
    <dgm:cxn modelId="{8F6F7AC7-643D-4618-9973-3BB822B8E442}" type="presOf" srcId="{47ABCD87-F69E-4A4D-A370-862B783A5504}" destId="{F78BAE70-99B3-4F77-8920-673A830E4921}" srcOrd="0" destOrd="0" presId="urn:microsoft.com/office/officeart/2008/layout/CircularPictureCallout"/>
    <dgm:cxn modelId="{F203DDD3-EB06-4DDB-9A52-AB4C37BD13C7}" srcId="{3AD27DF1-DEC0-453F-B6E6-E622359E2220}" destId="{2FC43D12-3926-43D0-A890-724F486CDFC7}" srcOrd="1" destOrd="0" parTransId="{FB1A71D6-23B5-4506-B0EB-A4BFF630B66F}" sibTransId="{C2570B01-46E0-497A-91A7-65EBE23D1595}"/>
    <dgm:cxn modelId="{6DD57BE2-5073-41DC-AB3A-AEDD4A158E66}" srcId="{3AD27DF1-DEC0-453F-B6E6-E622359E2220}" destId="{E817570E-38C8-40F9-A49A-E9582C34C34B}" srcOrd="0" destOrd="0" parTransId="{6427A339-FAFA-449F-BFAA-53ABA082A1DB}" sibTransId="{E7017C2D-FDA9-487D-BF2C-75024BB6ECB3}"/>
    <dgm:cxn modelId="{7D65C2E9-5C61-4EF0-B6F8-A83D5629B9F7}" type="presOf" srcId="{4F5F8843-6D7A-4B62-9C25-9570EFE828B9}" destId="{9645F385-5058-40FE-9627-D07246CFAD28}" srcOrd="0" destOrd="0" presId="urn:microsoft.com/office/officeart/2008/layout/CircularPictureCallout"/>
    <dgm:cxn modelId="{9C7CD275-BE30-4B1D-A1D7-E82C23814979}" type="presParOf" srcId="{22504CA2-EF78-4C70-B776-608565178C0F}" destId="{5CC2317A-A162-40B4-B597-C3E38483203F}" srcOrd="0" destOrd="0" presId="urn:microsoft.com/office/officeart/2008/layout/CircularPictureCallout"/>
    <dgm:cxn modelId="{C3C72BF9-958A-41F0-9CF3-6075DF12078B}" type="presParOf" srcId="{5CC2317A-A162-40B4-B597-C3E38483203F}" destId="{8EEC3CE1-5503-4009-B8F2-CE4096C30052}" srcOrd="0" destOrd="0" presId="urn:microsoft.com/office/officeart/2008/layout/CircularPictureCallout"/>
    <dgm:cxn modelId="{5120963C-BD65-445B-A8D1-82F38E4D4D6F}" type="presParOf" srcId="{8EEC3CE1-5503-4009-B8F2-CE4096C30052}" destId="{B09D2313-DCB5-454D-ADD0-7D624F91694D}" srcOrd="0" destOrd="0" presId="urn:microsoft.com/office/officeart/2008/layout/CircularPictureCallout"/>
    <dgm:cxn modelId="{AD4E68D9-6D2D-4031-8706-6219F89B2B75}" type="presParOf" srcId="{5CC2317A-A162-40B4-B597-C3E38483203F}" destId="{24976086-DB9B-4E1A-A0BA-0CD2AF0DE9BE}" srcOrd="1" destOrd="0" presId="urn:microsoft.com/office/officeart/2008/layout/CircularPictureCallout"/>
    <dgm:cxn modelId="{5B71E9AD-8C8E-4A6E-8989-C72FED7E513F}" type="presParOf" srcId="{5CC2317A-A162-40B4-B597-C3E38483203F}" destId="{E95402FD-4EA8-4C68-8FCF-AF0D36CE1377}" srcOrd="2" destOrd="0" presId="urn:microsoft.com/office/officeart/2008/layout/CircularPictureCallout"/>
    <dgm:cxn modelId="{39FAA5B3-E024-49D9-AE99-B9F530404762}" type="presParOf" srcId="{E95402FD-4EA8-4C68-8FCF-AF0D36CE1377}" destId="{D51FA3EE-8A14-4322-AEAE-419A8267B237}" srcOrd="0" destOrd="0" presId="urn:microsoft.com/office/officeart/2008/layout/CircularPictureCallout"/>
    <dgm:cxn modelId="{59BF072A-9590-43DD-831F-4D22891CDA15}" type="presParOf" srcId="{5CC2317A-A162-40B4-B597-C3E38483203F}" destId="{6E68ED5A-3A16-4511-9993-51849F0057F0}" srcOrd="3" destOrd="0" presId="urn:microsoft.com/office/officeart/2008/layout/CircularPictureCallout"/>
    <dgm:cxn modelId="{3ED4B57A-161F-430E-B854-386410B0EF14}" type="presParOf" srcId="{5CC2317A-A162-40B4-B597-C3E38483203F}" destId="{EF4F6DCE-8066-48AE-BE8F-7667686C35F7}" srcOrd="4" destOrd="0" presId="urn:microsoft.com/office/officeart/2008/layout/CircularPictureCallout"/>
    <dgm:cxn modelId="{A990B95B-8EE5-44ED-8D26-25B6CFAE22F6}" type="presParOf" srcId="{EF4F6DCE-8066-48AE-BE8F-7667686C35F7}" destId="{A741EADA-E2ED-4DF0-A56C-CE338B091B7E}" srcOrd="0" destOrd="0" presId="urn:microsoft.com/office/officeart/2008/layout/CircularPictureCallout"/>
    <dgm:cxn modelId="{FD65AE20-FE75-41B7-A0B1-DB10B05BEC6B}" type="presParOf" srcId="{5CC2317A-A162-40B4-B597-C3E38483203F}" destId="{CEB262D4-CC7B-4B15-98D0-64C3B6E46DF0}" srcOrd="5" destOrd="0" presId="urn:microsoft.com/office/officeart/2008/layout/CircularPictureCallout"/>
    <dgm:cxn modelId="{AAE08A1E-345D-4C9B-BA4B-69CC8FB091B1}" type="presParOf" srcId="{CEB262D4-CC7B-4B15-98D0-64C3B6E46DF0}" destId="{4D60203B-BF14-417B-A232-63549F587F1D}" srcOrd="0" destOrd="0" presId="urn:microsoft.com/office/officeart/2008/layout/CircularPictureCallout"/>
    <dgm:cxn modelId="{70DBF47E-153D-4D00-8D62-A472410F87C4}" type="presParOf" srcId="{5CC2317A-A162-40B4-B597-C3E38483203F}" destId="{BA9BB3A5-31AC-4A3F-952F-3C9F2612D500}" srcOrd="6" destOrd="0" presId="urn:microsoft.com/office/officeart/2008/layout/CircularPictureCallout"/>
    <dgm:cxn modelId="{2F2B9A4E-1A36-4BA7-9EE2-2691DA0099B7}" type="presParOf" srcId="{5CC2317A-A162-40B4-B597-C3E38483203F}" destId="{82981CB6-E9E5-4745-9D91-FD408A316E31}" srcOrd="7" destOrd="0" presId="urn:microsoft.com/office/officeart/2008/layout/CircularPictureCallout"/>
    <dgm:cxn modelId="{139AAB3B-6605-4877-90B2-50CC7DB3B2F6}" type="presParOf" srcId="{82981CB6-E9E5-4745-9D91-FD408A316E31}" destId="{9645F385-5058-40FE-9627-D07246CFAD28}" srcOrd="0" destOrd="0" presId="urn:microsoft.com/office/officeart/2008/layout/CircularPictureCallout"/>
    <dgm:cxn modelId="{592C0303-C996-4C78-906D-3105AED60255}" type="presParOf" srcId="{5CC2317A-A162-40B4-B597-C3E38483203F}" destId="{C6F462AC-F7D7-47DA-B174-B41FBA821D5F}" srcOrd="8" destOrd="0" presId="urn:microsoft.com/office/officeart/2008/layout/CircularPictureCallout"/>
    <dgm:cxn modelId="{70A3DE73-15F7-4CA4-8AFC-B916AC8343B8}" type="presParOf" srcId="{C6F462AC-F7D7-47DA-B174-B41FBA821D5F}" destId="{E50E293A-D006-43B2-9BED-007E130BB94E}" srcOrd="0" destOrd="0" presId="urn:microsoft.com/office/officeart/2008/layout/CircularPictureCallout"/>
    <dgm:cxn modelId="{4A1879A4-FA26-44C0-B0ED-28EB67E82163}" type="presParOf" srcId="{5CC2317A-A162-40B4-B597-C3E38483203F}" destId="{3F4FE847-3621-44DF-B0B9-422BC4D8B871}" srcOrd="9" destOrd="0" presId="urn:microsoft.com/office/officeart/2008/layout/CircularPictureCallout"/>
    <dgm:cxn modelId="{CA53EBA2-44B3-4D8E-9073-F6117B9DDEDA}" type="presParOf" srcId="{5CC2317A-A162-40B4-B597-C3E38483203F}" destId="{A237D4FC-A93B-44DE-8BC8-C9CB1534F899}" srcOrd="10" destOrd="0" presId="urn:microsoft.com/office/officeart/2008/layout/CircularPictureCallout"/>
    <dgm:cxn modelId="{03429068-8E13-44AD-A39A-22D5362539D8}" type="presParOf" srcId="{A237D4FC-A93B-44DE-8BC8-C9CB1534F899}" destId="{7531E8CC-299C-472A-84E4-7D9A11ACA229}" srcOrd="0" destOrd="0" presId="urn:microsoft.com/office/officeart/2008/layout/CircularPictureCallout"/>
    <dgm:cxn modelId="{D8D694BB-F899-4DA2-BBF7-80305EB503DD}" type="presParOf" srcId="{5CC2317A-A162-40B4-B597-C3E38483203F}" destId="{8EDC7034-AC71-4309-9B3B-33B785E5DA46}" srcOrd="11" destOrd="0" presId="urn:microsoft.com/office/officeart/2008/layout/CircularPictureCallout"/>
    <dgm:cxn modelId="{CC3556C8-32AD-46E7-8992-33175303CB1D}" type="presParOf" srcId="{8EDC7034-AC71-4309-9B3B-33B785E5DA46}" destId="{F78BAE70-99B3-4F77-8920-673A830E4921}" srcOrd="0" destOrd="0" presId="urn:microsoft.com/office/officeart/2008/layout/CircularPictureCallout"/>
    <dgm:cxn modelId="{02A156B0-44C2-447E-9555-AF511F4A8BC8}" type="presParOf" srcId="{5CC2317A-A162-40B4-B597-C3E38483203F}" destId="{661EF88F-7802-46F3-9037-55E7DF298102}" srcOrd="12" destOrd="0" presId="urn:microsoft.com/office/officeart/2008/layout/CircularPictureCallout"/>
    <dgm:cxn modelId="{297AB5A9-3BB2-4A99-91A9-5E39FC32F7FA}" type="presParOf" srcId="{5CC2317A-A162-40B4-B597-C3E38483203F}" destId="{36D7F8A5-EE66-4965-8EDB-D7344C9A3716}" srcOrd="13" destOrd="0" presId="urn:microsoft.com/office/officeart/2008/layout/CircularPictureCallout"/>
    <dgm:cxn modelId="{61FA9642-2F8A-47D3-9051-DE21B0788D72}" type="presParOf" srcId="{36D7F8A5-EE66-4965-8EDB-D7344C9A3716}" destId="{F69ED524-A893-4E84-8E22-71309F174D6F}" srcOrd="0" destOrd="0" presId="urn:microsoft.com/office/officeart/2008/layout/CircularPictureCallout"/>
    <dgm:cxn modelId="{054E17BC-66DC-4440-999A-4C67D522D251}" type="presParOf" srcId="{5CC2317A-A162-40B4-B597-C3E38483203F}" destId="{B2152EFD-34DD-4516-A614-4C3F20A37AF5}" srcOrd="14" destOrd="0" presId="urn:microsoft.com/office/officeart/2008/layout/CircularPictureCallout"/>
    <dgm:cxn modelId="{5318A0E7-126B-497E-99AE-32654EA0C7DE}" type="presParOf" srcId="{B2152EFD-34DD-4516-A614-4C3F20A37AF5}" destId="{6F7A8261-69EF-4F03-818B-5BC31CA1B1E8}" srcOrd="0" destOrd="0" presId="urn:microsoft.com/office/officeart/2008/layout/CircularPictureCallout"/>
    <dgm:cxn modelId="{B94D7E0C-FFF3-42C0-8803-4B6DE123491D}" type="presParOf" srcId="{5CC2317A-A162-40B4-B597-C3E38483203F}" destId="{4C375364-6BA9-4A1F-9B15-0A28FD7A8C07}" srcOrd="15" destOrd="0" presId="urn:microsoft.com/office/officeart/2008/layout/CircularPictureCallout"/>
    <dgm:cxn modelId="{568A3A50-D7BA-4DA7-9838-966ECC12BBE1}" type="presParOf" srcId="{5CC2317A-A162-40B4-B597-C3E38483203F}" destId="{01D13121-175A-4E74-B93D-A22E067359B8}" srcOrd="16" destOrd="0" presId="urn:microsoft.com/office/officeart/2008/layout/CircularPictureCallout"/>
    <dgm:cxn modelId="{3474CEC1-E79C-42DF-8240-A58645F0EA6F}" type="presParOf" srcId="{01D13121-175A-4E74-B93D-A22E067359B8}" destId="{E925D5B1-295E-4C39-9990-DC5C163E7C2A}" srcOrd="0" destOrd="0" presId="urn:microsoft.com/office/officeart/2008/layout/CircularPictureCallout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80E6836-0740-4383-BCA3-FA604EE1E03D}">
      <dsp:nvSpPr>
        <dsp:cNvPr id="0" name=""/>
        <dsp:cNvSpPr/>
      </dsp:nvSpPr>
      <dsp:spPr>
        <a:xfrm rot="5400000">
          <a:off x="4428679" y="-1679303"/>
          <a:ext cx="1033660" cy="4654597"/>
        </a:xfrm>
        <a:prstGeom prst="round2SameRect">
          <a:avLst/>
        </a:prstGeom>
        <a:solidFill>
          <a:schemeClr val="accent2">
            <a:alpha val="90000"/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4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770" tIns="32385" rIns="64770" bIns="32385" numCol="1" spcCol="1270" anchor="ctr" anchorCtr="0">
          <a:noAutofit/>
        </a:bodyPr>
        <a:lstStyle/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Innerhalb eines festen Stoffes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Von Stoff zu Stoff bei Berührung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Unterschiedliche Wärmeleitfähigkeit der Stoffe</a:t>
          </a:r>
        </a:p>
      </dsp:txBody>
      <dsp:txXfrm rot="-5400000">
        <a:off x="2618211" y="181624"/>
        <a:ext cx="4604138" cy="932742"/>
      </dsp:txXfrm>
    </dsp:sp>
    <dsp:sp modelId="{6F5540F3-17BE-455B-8195-AC7C153E9DF3}">
      <dsp:nvSpPr>
        <dsp:cNvPr id="0" name=""/>
        <dsp:cNvSpPr/>
      </dsp:nvSpPr>
      <dsp:spPr>
        <a:xfrm>
          <a:off x="0" y="1957"/>
          <a:ext cx="2618210" cy="1292075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45720" rIns="91440" bIns="4572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400" kern="1200" dirty="0">
              <a:latin typeface="Frutiger CE 55 Roman"/>
            </a:rPr>
            <a:t>Wärme</a:t>
          </a:r>
          <a:r>
            <a:rPr lang="de-DE" sz="2400" b="1" kern="1200" dirty="0">
              <a:latin typeface="Frutiger CE 55 Roman"/>
            </a:rPr>
            <a:t>leitung</a:t>
          </a:r>
        </a:p>
      </dsp:txBody>
      <dsp:txXfrm>
        <a:off x="63074" y="65031"/>
        <a:ext cx="2492062" cy="1165927"/>
      </dsp:txXfrm>
    </dsp:sp>
    <dsp:sp modelId="{CC56FA3A-219B-4382-8B32-9BD431B97447}">
      <dsp:nvSpPr>
        <dsp:cNvPr id="0" name=""/>
        <dsp:cNvSpPr/>
      </dsp:nvSpPr>
      <dsp:spPr>
        <a:xfrm rot="5400000">
          <a:off x="4428679" y="-322624"/>
          <a:ext cx="1033660" cy="4654597"/>
        </a:xfrm>
        <a:prstGeom prst="round2SameRect">
          <a:avLst/>
        </a:prstGeom>
        <a:solidFill>
          <a:schemeClr val="accent2">
            <a:alpha val="90000"/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4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770" tIns="32385" rIns="64770" bIns="32385" numCol="1" spcCol="1270" anchor="ctr" anchorCtr="0">
          <a:noAutofit/>
        </a:bodyPr>
        <a:lstStyle/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Ohne „Wärmeträger“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Unabhängig vom Wind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Frutiger CE 55 Roman"/>
            </a:rPr>
            <a:t>Gleichmäßige Ausbreitung in alle Richtungen</a:t>
          </a:r>
          <a:endParaRPr lang="de-DE" sz="1700" kern="1200" dirty="0">
            <a:latin typeface="Frutiger CE 55 Roman"/>
          </a:endParaRPr>
        </a:p>
      </dsp:txBody>
      <dsp:txXfrm rot="-5400000">
        <a:off x="2618211" y="1538303"/>
        <a:ext cx="4604138" cy="932742"/>
      </dsp:txXfrm>
    </dsp:sp>
    <dsp:sp modelId="{D2EBB208-555C-4A37-B00F-5950FA709C4A}">
      <dsp:nvSpPr>
        <dsp:cNvPr id="0" name=""/>
        <dsp:cNvSpPr/>
      </dsp:nvSpPr>
      <dsp:spPr>
        <a:xfrm>
          <a:off x="0" y="1358636"/>
          <a:ext cx="2618210" cy="1292075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2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45720" rIns="91440" bIns="4572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400" kern="1200" dirty="0">
              <a:latin typeface="Frutiger CE 55 Roman"/>
            </a:rPr>
            <a:t>Wärme</a:t>
          </a:r>
          <a:r>
            <a:rPr lang="de-DE" sz="2400" b="1" kern="1200" dirty="0">
              <a:latin typeface="Frutiger CE 55 Roman"/>
            </a:rPr>
            <a:t>strahlung</a:t>
          </a:r>
        </a:p>
      </dsp:txBody>
      <dsp:txXfrm>
        <a:off x="63074" y="1421710"/>
        <a:ext cx="2492062" cy="1165927"/>
      </dsp:txXfrm>
    </dsp:sp>
    <dsp:sp modelId="{06BA9A91-E675-45FD-9046-F030CCAD6939}">
      <dsp:nvSpPr>
        <dsp:cNvPr id="0" name=""/>
        <dsp:cNvSpPr/>
      </dsp:nvSpPr>
      <dsp:spPr>
        <a:xfrm rot="5400000">
          <a:off x="4428679" y="1034054"/>
          <a:ext cx="1033660" cy="4654597"/>
        </a:xfrm>
        <a:prstGeom prst="round2SameRect">
          <a:avLst/>
        </a:prstGeom>
        <a:solidFill>
          <a:schemeClr val="accent2">
            <a:alpha val="90000"/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2">
              <a:alpha val="90000"/>
              <a:tint val="4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4770" tIns="32385" rIns="64770" bIns="32385" numCol="1" spcCol="1270" anchor="ctr" anchorCtr="0">
          <a:noAutofit/>
        </a:bodyPr>
        <a:lstStyle/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>
              <a:latin typeface="Frutiger CE 55 Roman"/>
            </a:rPr>
            <a:t>Übertragung der Wärme in Gasen und Flüssigkeiten</a:t>
          </a:r>
        </a:p>
      </dsp:txBody>
      <dsp:txXfrm rot="-5400000">
        <a:off x="2618211" y="2894982"/>
        <a:ext cx="4604138" cy="932742"/>
      </dsp:txXfrm>
    </dsp:sp>
    <dsp:sp modelId="{FF88A981-4C32-4342-BF83-2D0B5BE4FD7E}">
      <dsp:nvSpPr>
        <dsp:cNvPr id="0" name=""/>
        <dsp:cNvSpPr/>
      </dsp:nvSpPr>
      <dsp:spPr>
        <a:xfrm>
          <a:off x="0" y="2715315"/>
          <a:ext cx="2618210" cy="1292075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45720" rIns="91440" bIns="45720" numCol="1" spcCol="1270" anchor="ctr" anchorCtr="0">
          <a:noAutofit/>
        </a:bodyPr>
        <a:lstStyle/>
        <a:p>
          <a:pPr marL="0" lvl="0" indent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400" kern="1200" dirty="0">
              <a:latin typeface="Frutiger CE 55 Roman"/>
            </a:rPr>
            <a:t>Wärme</a:t>
          </a:r>
          <a:r>
            <a:rPr lang="de-DE" sz="2400" b="1" kern="1200" dirty="0">
              <a:latin typeface="Frutiger CE 55 Roman"/>
            </a:rPr>
            <a:t>strömung</a:t>
          </a:r>
        </a:p>
      </dsp:txBody>
      <dsp:txXfrm>
        <a:off x="63074" y="2778389"/>
        <a:ext cx="2492062" cy="1165927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C375364-6BA9-4A1F-9B15-0A28FD7A8C07}">
      <dsp:nvSpPr>
        <dsp:cNvPr id="0" name=""/>
        <dsp:cNvSpPr/>
      </dsp:nvSpPr>
      <dsp:spPr>
        <a:xfrm>
          <a:off x="1910798" y="3907113"/>
          <a:ext cx="3874334" cy="0"/>
        </a:xfrm>
        <a:prstGeom prst="line">
          <a:avLst/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661EF88F-7802-46F3-9037-55E7DF298102}">
      <dsp:nvSpPr>
        <dsp:cNvPr id="0" name=""/>
        <dsp:cNvSpPr/>
      </dsp:nvSpPr>
      <dsp:spPr>
        <a:xfrm>
          <a:off x="1910798" y="3253620"/>
          <a:ext cx="3273961" cy="0"/>
        </a:xfrm>
        <a:prstGeom prst="line">
          <a:avLst/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3F4FE847-3621-44DF-B0B9-422BC4D8B871}">
      <dsp:nvSpPr>
        <dsp:cNvPr id="0" name=""/>
        <dsp:cNvSpPr/>
      </dsp:nvSpPr>
      <dsp:spPr>
        <a:xfrm>
          <a:off x="1910798" y="2340259"/>
          <a:ext cx="3057276" cy="0"/>
        </a:xfrm>
        <a:prstGeom prst="line">
          <a:avLst/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A9BB3A5-31AC-4A3F-952F-3C9F2612D500}">
      <dsp:nvSpPr>
        <dsp:cNvPr id="0" name=""/>
        <dsp:cNvSpPr/>
      </dsp:nvSpPr>
      <dsp:spPr>
        <a:xfrm>
          <a:off x="1910798" y="1426898"/>
          <a:ext cx="3273961" cy="0"/>
        </a:xfrm>
        <a:prstGeom prst="line">
          <a:avLst/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6E68ED5A-3A16-4511-9993-51849F0057F0}">
      <dsp:nvSpPr>
        <dsp:cNvPr id="0" name=""/>
        <dsp:cNvSpPr/>
      </dsp:nvSpPr>
      <dsp:spPr>
        <a:xfrm>
          <a:off x="1910798" y="773405"/>
          <a:ext cx="3874334" cy="0"/>
        </a:xfrm>
        <a:prstGeom prst="line">
          <a:avLst/>
        </a:prstGeom>
        <a:noFill/>
        <a:ln w="25400" cap="flat" cmpd="sng" algn="ctr">
          <a:solidFill>
            <a:schemeClr val="accent1">
              <a:shade val="6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09D2313-DCB5-454D-ADD0-7D624F91694D}">
      <dsp:nvSpPr>
        <dsp:cNvPr id="0" name=""/>
        <dsp:cNvSpPr/>
      </dsp:nvSpPr>
      <dsp:spPr>
        <a:xfrm>
          <a:off x="4012" y="473830"/>
          <a:ext cx="3821596" cy="3821596"/>
        </a:xfrm>
        <a:prstGeom prst="ellipse">
          <a:avLst/>
        </a:prstGeom>
        <a:blipFill rotWithShape="1">
          <a:blip xmlns:r="http://schemas.openxmlformats.org/officeDocument/2006/relationships" r:embed="rId1"/>
          <a:srcRect/>
          <a:stretch>
            <a:fillRect t="-7000" b="-7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4976086-DB9B-4E1A-A0BA-0CD2AF0DE9BE}">
      <dsp:nvSpPr>
        <dsp:cNvPr id="0" name=""/>
        <dsp:cNvSpPr/>
      </dsp:nvSpPr>
      <dsp:spPr>
        <a:xfrm>
          <a:off x="687887" y="2458728"/>
          <a:ext cx="2445821" cy="1261126"/>
        </a:xfrm>
        <a:prstGeom prst="rect">
          <a:avLst/>
        </a:prstGeom>
        <a:noFill/>
        <a:ln w="25400" cap="flat" cmpd="sng" algn="ctr">
          <a:noFill/>
          <a:prstDash val="solid"/>
        </a:ln>
        <a:effectLst/>
        <a:sp3d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b" anchorCtr="0">
          <a:noAutofit/>
        </a:bodyPr>
        <a:lstStyle/>
        <a:p>
          <a:pPr marL="0" lvl="0" indent="0" algn="ctr" defTabSz="18224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4100" kern="1200">
              <a:latin typeface="Frutiger CE 55 Roman"/>
            </a:rPr>
            <a:t>Löschmittel</a:t>
          </a:r>
          <a:endParaRPr lang="de-DE" sz="4100" kern="1200" dirty="0">
            <a:latin typeface="Frutiger CE 55 Roman"/>
          </a:endParaRPr>
        </a:p>
      </dsp:txBody>
      <dsp:txXfrm>
        <a:off x="687887" y="2458728"/>
        <a:ext cx="2445821" cy="1261126"/>
      </dsp:txXfrm>
    </dsp:sp>
    <dsp:sp modelId="{D51FA3EE-8A14-4322-AEAE-419A8267B237}">
      <dsp:nvSpPr>
        <dsp:cNvPr id="0" name=""/>
        <dsp:cNvSpPr/>
      </dsp:nvSpPr>
      <dsp:spPr>
        <a:xfrm>
          <a:off x="5441188" y="429461"/>
          <a:ext cx="687887" cy="687887"/>
        </a:xfrm>
        <a:prstGeom prst="ellipse">
          <a:avLst/>
        </a:prstGeom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9000" b="-19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A741EADA-E2ED-4DF0-A56C-CE338B091B7E}">
      <dsp:nvSpPr>
        <dsp:cNvPr id="0" name=""/>
        <dsp:cNvSpPr/>
      </dsp:nvSpPr>
      <dsp:spPr>
        <a:xfrm>
          <a:off x="6129075" y="429461"/>
          <a:ext cx="917933" cy="6878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76200" tIns="0" rIns="76200" bIns="0" numCol="1" spcCol="1270" anchor="ctr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 dirty="0">
              <a:latin typeface="Frutiger CE 55 Roman"/>
            </a:rPr>
            <a:t>Wasser</a:t>
          </a:r>
        </a:p>
      </dsp:txBody>
      <dsp:txXfrm>
        <a:off x="6129075" y="429461"/>
        <a:ext cx="917933" cy="687887"/>
      </dsp:txXfrm>
    </dsp:sp>
    <dsp:sp modelId="{4D60203B-BF14-417B-A232-63549F587F1D}">
      <dsp:nvSpPr>
        <dsp:cNvPr id="0" name=""/>
        <dsp:cNvSpPr/>
      </dsp:nvSpPr>
      <dsp:spPr>
        <a:xfrm>
          <a:off x="4840815" y="1082954"/>
          <a:ext cx="687887" cy="687887"/>
        </a:xfrm>
        <a:prstGeom prst="ellipse">
          <a:avLst/>
        </a:prstGeom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79000" b="-79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9645F385-5058-40FE-9627-D07246CFAD28}">
      <dsp:nvSpPr>
        <dsp:cNvPr id="0" name=""/>
        <dsp:cNvSpPr/>
      </dsp:nvSpPr>
      <dsp:spPr>
        <a:xfrm>
          <a:off x="5528702" y="1082954"/>
          <a:ext cx="2113411" cy="6878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68580" tIns="0" rIns="68580" bIns="0" numCol="1" spcCol="1270" anchor="ctr" anchorCtr="0">
          <a:noAutofit/>
        </a:bodyPr>
        <a:lstStyle/>
        <a:p>
          <a:pPr marL="0" lvl="0" indent="0" algn="l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800" kern="1200">
              <a:latin typeface="Frutiger CE 55 Roman"/>
            </a:rPr>
            <a:t>Wasser </a:t>
          </a:r>
          <a:br>
            <a:rPr lang="de-DE" sz="1800" kern="1200">
              <a:latin typeface="Frutiger CE 55 Roman"/>
            </a:rPr>
          </a:br>
          <a:r>
            <a:rPr lang="de-DE" sz="1800" kern="1200">
              <a:latin typeface="Frutiger CE 55 Roman"/>
            </a:rPr>
            <a:t>mit Zusätzen</a:t>
          </a:r>
          <a:endParaRPr lang="de-DE" sz="1800" kern="1200" dirty="0">
            <a:latin typeface="Frutiger CE 55 Roman"/>
          </a:endParaRPr>
        </a:p>
      </dsp:txBody>
      <dsp:txXfrm>
        <a:off x="5528702" y="1082954"/>
        <a:ext cx="2113411" cy="687887"/>
      </dsp:txXfrm>
    </dsp:sp>
    <dsp:sp modelId="{E50E293A-D006-43B2-9BED-007E130BB94E}">
      <dsp:nvSpPr>
        <dsp:cNvPr id="0" name=""/>
        <dsp:cNvSpPr/>
      </dsp:nvSpPr>
      <dsp:spPr>
        <a:xfrm>
          <a:off x="4624131" y="1996315"/>
          <a:ext cx="687887" cy="687887"/>
        </a:xfrm>
        <a:prstGeom prst="ellipse">
          <a:avLst/>
        </a:prstGeom>
        <a:blipFill>
          <a:blip xmlns:r="http://schemas.openxmlformats.org/officeDocument/2006/relationships"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20000" b="-20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7531E8CC-299C-472A-84E4-7D9A11ACA229}">
      <dsp:nvSpPr>
        <dsp:cNvPr id="0" name=""/>
        <dsp:cNvSpPr/>
      </dsp:nvSpPr>
      <dsp:spPr>
        <a:xfrm>
          <a:off x="5312018" y="1996315"/>
          <a:ext cx="1019888" cy="6878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76200" tIns="0" rIns="76200" bIns="0" numCol="1" spcCol="1270" anchor="ctr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>
              <a:latin typeface="Frutiger CE 55 Roman"/>
            </a:rPr>
            <a:t>Schaum</a:t>
          </a:r>
          <a:endParaRPr lang="de-DE" sz="2000" kern="1200" dirty="0">
            <a:latin typeface="Frutiger CE 55 Roman"/>
          </a:endParaRPr>
        </a:p>
      </dsp:txBody>
      <dsp:txXfrm>
        <a:off x="5312018" y="1996315"/>
        <a:ext cx="1019888" cy="687887"/>
      </dsp:txXfrm>
    </dsp:sp>
    <dsp:sp modelId="{F78BAE70-99B3-4F77-8920-673A830E4921}">
      <dsp:nvSpPr>
        <dsp:cNvPr id="0" name=""/>
        <dsp:cNvSpPr/>
      </dsp:nvSpPr>
      <dsp:spPr>
        <a:xfrm>
          <a:off x="4840815" y="2909677"/>
          <a:ext cx="687887" cy="687887"/>
        </a:xfrm>
        <a:prstGeom prst="ellipse">
          <a:avLst/>
        </a:prstGeom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000" b="-1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F69ED524-A893-4E84-8E22-71309F174D6F}">
      <dsp:nvSpPr>
        <dsp:cNvPr id="0" name=""/>
        <dsp:cNvSpPr/>
      </dsp:nvSpPr>
      <dsp:spPr>
        <a:xfrm>
          <a:off x="5528702" y="2909677"/>
          <a:ext cx="1400849" cy="6878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76200" tIns="0" rIns="76200" bIns="0" numCol="1" spcCol="1270" anchor="ctr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>
              <a:latin typeface="Frutiger CE 55 Roman"/>
            </a:rPr>
            <a:t>Löschpulver</a:t>
          </a:r>
          <a:endParaRPr lang="de-DE" sz="2000" kern="1200" dirty="0">
            <a:latin typeface="Frutiger CE 55 Roman"/>
          </a:endParaRPr>
        </a:p>
      </dsp:txBody>
      <dsp:txXfrm>
        <a:off x="5528702" y="2909677"/>
        <a:ext cx="1400849" cy="687887"/>
      </dsp:txXfrm>
    </dsp:sp>
    <dsp:sp modelId="{6F7A8261-69EF-4F03-818B-5BC31CA1B1E8}">
      <dsp:nvSpPr>
        <dsp:cNvPr id="0" name=""/>
        <dsp:cNvSpPr/>
      </dsp:nvSpPr>
      <dsp:spPr>
        <a:xfrm>
          <a:off x="5441188" y="3563170"/>
          <a:ext cx="687887" cy="687887"/>
        </a:xfrm>
        <a:prstGeom prst="ellipse">
          <a:avLst/>
        </a:prstGeom>
        <a:blipFill>
          <a:blip xmlns:r="http://schemas.openxmlformats.org/officeDocument/2006/relationships"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6000" r="-6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925D5B1-295E-4C39-9990-DC5C163E7C2A}">
      <dsp:nvSpPr>
        <dsp:cNvPr id="0" name=""/>
        <dsp:cNvSpPr/>
      </dsp:nvSpPr>
      <dsp:spPr>
        <a:xfrm>
          <a:off x="6129075" y="3563170"/>
          <a:ext cx="1514116" cy="6878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76200" tIns="0" rIns="76200" bIns="0" numCol="1" spcCol="1270" anchor="ctr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 dirty="0">
              <a:latin typeface="Frutiger CE 55 Roman"/>
            </a:rPr>
            <a:t>Kohlendioxid (CO</a:t>
          </a:r>
          <a:r>
            <a:rPr lang="de-DE" sz="2000" kern="1200" baseline="-25000" dirty="0">
              <a:latin typeface="Frutiger CE 55 Roman"/>
            </a:rPr>
            <a:t>2</a:t>
          </a:r>
          <a:r>
            <a:rPr lang="de-DE" sz="2000" kern="1200" dirty="0">
              <a:latin typeface="Frutiger CE 55 Roman"/>
            </a:rPr>
            <a:t>)</a:t>
          </a:r>
        </a:p>
      </dsp:txBody>
      <dsp:txXfrm>
        <a:off x="6129075" y="3563170"/>
        <a:ext cx="1514116" cy="687887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vList5">
  <dgm:title val=""/>
  <dgm:desc val=""/>
  <dgm:catLst>
    <dgm:cat type="list" pri="15000"/>
    <dgm:cat type="convert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>
          <dgm:param type="linDir" val="fromT"/>
          <dgm:param type="nodeHorzAlign" val="l"/>
        </dgm:alg>
      </dgm:if>
      <dgm:else name="Name3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linNode" refType="h"/>
      <dgm:constr type="w" for="ch" forName="linNode" refType="w"/>
      <dgm:constr type="h" for="ch" forName="sp" refType="h" fact="0.05"/>
      <dgm:constr type="primFontSz" for="des" forName="parentText" op="equ" val="65"/>
      <dgm:constr type="secFontSz" for="des" forName="descendantText" op="equ"/>
    </dgm:constrLst>
    <dgm:ruleLst/>
    <dgm:forEach name="Name4" axis="ch" ptType="node">
      <dgm:layoutNode name="linNode">
        <dgm:choose name="Name5">
          <dgm:if name="Name6" func="var" arg="dir" op="equ" val="norm">
            <dgm:alg type="lin">
              <dgm:param type="linDir" val="fromL"/>
            </dgm:alg>
          </dgm:if>
          <dgm:else name="Name7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arentText" refType="w" fact="0.36"/>
          <dgm:constr type="w" for="ch" forName="descendantText" refType="w" fact="0.64"/>
          <dgm:constr type="h" for="ch" forName="parentText" refType="h"/>
          <dgm:constr type="h" for="ch" forName="descendantText" refType="h" refFor="ch" refForName="parentText" fact="0.8"/>
        </dgm:constrLst>
        <dgm:ruleLst/>
        <dgm:layoutNode name="parentText">
          <dgm:varLst>
            <dgm:chMax val="1"/>
            <dgm:bulletEnabled val="1"/>
          </dgm:varLst>
          <dgm:alg type="tx"/>
          <dgm:shape xmlns:r="http://schemas.openxmlformats.org/officeDocument/2006/relationships" type="roundRect" r:blip="" zOrderOff="3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choose name="Name8">
          <dgm:if name="Name9" axis="ch" ptType="node" func="cnt" op="gte" val="1">
            <dgm:layoutNode name="descendantText" styleLbl="alignAccFollowNode1">
              <dgm:varLst>
                <dgm:bulletEnabled val="1"/>
              </dgm:varLst>
              <dgm:alg type="tx">
                <dgm:param type="stBulletLvl" val="1"/>
                <dgm:param type="txAnchorVertCh" val="mid"/>
              </dgm:alg>
              <dgm:choose name="Name10">
                <dgm:if name="Name11" func="var" arg="dir" op="equ" val="norm">
                  <dgm:shape xmlns:r="http://schemas.openxmlformats.org/officeDocument/2006/relationships" rot="90" type="round2SameRect" r:blip="">
                    <dgm:adjLst/>
                  </dgm:shape>
                </dgm:if>
                <dgm:else name="Name12">
                  <dgm:shape xmlns:r="http://schemas.openxmlformats.org/officeDocument/2006/relationships" rot="-90" type="round2SameRect" r:blip="">
                    <dgm:adjLst/>
                  </dgm:shape>
                </dgm:else>
              </dgm:choose>
              <dgm:presOf axis="des" ptType="node"/>
              <dgm:constrLst>
                <dgm:constr type="secFontSz" val="65"/>
                <dgm:constr type="primFontSz" refType="secFontSz"/>
                <dgm:constr type="lMarg" refType="secFontSz" fact="0.3"/>
                <dgm:constr type="rMarg" refType="secFontSz" fact="0.3"/>
                <dgm:constr type="tMarg" refType="secFontSz" fact="0.15"/>
                <dgm:constr type="bMarg" refType="secFontSz" fact="0.15"/>
              </dgm:constrLst>
              <dgm:ruleLst>
                <dgm:rule type="secFontSz" val="5" fact="NaN" max="NaN"/>
              </dgm:ruleLst>
            </dgm:layoutNode>
          </dgm:if>
          <dgm:else name="Name13"/>
        </dgm:choose>
      </dgm:layoutNode>
      <dgm:forEach name="Name14" axis="followSib" ptType="sibTrans" cnt="1">
        <dgm:layoutNode name="sp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8/layout/CircularPictureCallout">
  <dgm:title val=""/>
  <dgm:desc val=""/>
  <dgm:catLst>
    <dgm:cat type="picture" pri="2000"/>
    <dgm:cat type="pictureconvert" pri="2000"/>
  </dgm:catLst>
  <dgm:sampData>
    <dgm:dataModel>
      <dgm:ptLst>
        <dgm:pt modelId="0" type="doc"/>
        <dgm:pt modelId="1"/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2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axis="ch" ptType="node" func="cnt" op="lte" val="1">
          <dgm:constrLst>
            <dgm:constr type="h" for="ch" forName="picture_1" refType="h"/>
            <dgm:constr type="w" for="ch" forName="picture_1" refType="h" refFor="ch" refForName="picture_1" op="equ"/>
            <dgm:constr type="l" for="ch" forName="picture_1"/>
            <dgm:constr type="t" for="ch" forName="picture_1"/>
            <dgm:constr type="w" for="ch" forName="text_1" refType="w" refFor="ch" refForName="picture_1" fact="0.64"/>
            <dgm:constr type="h" for="ch" forName="text_1" refType="h" refFor="ch" refForName="picture_1" fact="0.33"/>
            <dgm:constr type="l" for="ch" forName="text_1" refType="w" refFor="ch" refForName="picture_1" fact="0.18"/>
            <dgm:constr type="t" for="ch" forName="text_1" refType="h" refFor="ch" refForName="picture_1" fact="0.531"/>
          </dgm:constrLst>
        </dgm:if>
        <dgm:if name="Name4" axis="ch" ptType="node" func="cnt" op="lte" val="2">
          <dgm:choose name="Name5">
            <dgm:if name="Name6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5"/>
                <dgm:constr type="h" for="ch" forName="picture_2" refType="h" refFor="ch" refForName="picture_1" fact="0.5"/>
                <dgm:constr type="l" for="ch" forName="picture_2" refType="w" refFor="ch" refForName="picture_1" fact="1.21"/>
                <dgm:constr type="ctrY" for="ch" forName="picture_2" refType="h" refFor="ch" refForName="picture_1" fact="0.5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</dgm:constrLst>
            </dgm:if>
            <dgm:else name="Name7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5"/>
                <dgm:constr type="h" for="ch" forName="picture_2" refType="h" refFor="ch" refForName="picture_1" fact="0.5"/>
                <dgm:constr type="r" for="ch" forName="picture_2" refType="w"/>
                <dgm:constr type="rOff" for="ch" forName="picture_2" refType="w" refFor="ch" refForName="picture_1" fact="-1.21"/>
                <dgm:constr type="ctrY" for="ch" forName="picture_2" refType="h" refFor="ch" refForName="picture_1" fact="0.5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</dgm:constrLst>
            </dgm:else>
          </dgm:choose>
        </dgm:if>
        <dgm:if name="Name8" axis="ch" ptType="node" func="cnt" op="lte" val="3">
          <dgm:choose name="Name9">
            <dgm:if name="Name10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375"/>
                <dgm:constr type="h" for="ch" forName="picture_2" refType="h" refFor="ch" refForName="picture_1" fact="0.375"/>
                <dgm:constr type="l" for="ch" forName="picture_2" refType="w" refFor="ch" refForName="picture_1" fact="1.21"/>
                <dgm:constr type="ctrY" for="ch" forName="picture_2" refType="h" refFor="ch" refForName="picture_1" fact="0.1875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375"/>
                <dgm:constr type="h" for="ch" forName="picture_3" refType="h" refFor="ch" refForName="picture_1" fact="0.375"/>
                <dgm:constr type="l" for="ch" forName="picture_3" refType="w" refFor="ch" refForName="picture_1" fact="1.21"/>
                <dgm:constr type="ctrY" for="ch" forName="picture_3" refType="h" refFor="ch" refForName="picture_1" fact="0.8125"/>
                <dgm:constr type="l" for="ch" forName="line_3" refType="ctrX" refFor="ch" refForName="picture_1"/>
                <dgm:constr type="h" for="ch" forName="line_3"/>
                <dgm:constr type="r" for="ch" forName="line_3" refType="ctrX" refFor="ch" refForName="picture_3"/>
                <dgm:constr type="ctrY" for="ch" forName="line_3" refType="ctrY" refFor="ch" refForName="picture_3"/>
                <dgm:constr type="r" for="ch" forName="textparent_3" refType="w"/>
                <dgm:constr type="h" for="ch" forName="textparent_3" refType="h" refFor="ch" refForName="picture_3"/>
                <dgm:constr type="l" for="ch" forName="textparent_3" refType="r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</dgm:constrLst>
            </dgm:if>
            <dgm:else name="Name11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375"/>
                <dgm:constr type="h" for="ch" forName="picture_2" refType="h" refFor="ch" refForName="picture_1" fact="0.375"/>
                <dgm:constr type="r" for="ch" forName="picture_2" refType="w"/>
                <dgm:constr type="rOff" for="ch" forName="picture_2" refType="w" refFor="ch" refForName="picture_1" fact="-1.21"/>
                <dgm:constr type="ctrY" for="ch" forName="picture_2" refType="h" refFor="ch" refForName="picture_1" fact="0.1875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375"/>
                <dgm:constr type="h" for="ch" forName="picture_3" refType="h" refFor="ch" refForName="picture_1" fact="0.375"/>
                <dgm:constr type="r" for="ch" forName="picture_3" refType="w"/>
                <dgm:constr type="rOff" for="ch" forName="picture_3" refType="w" refFor="ch" refForName="picture_1" fact="-1.21"/>
                <dgm:constr type="ctrY" for="ch" forName="picture_3" refType="h" refFor="ch" refForName="picture_1" fact="0.8125"/>
                <dgm:constr type="r" for="ch" forName="line_3" refType="ctrX" refFor="ch" refForName="picture_1"/>
                <dgm:constr type="h" for="ch" forName="line_3"/>
                <dgm:constr type="l" for="ch" forName="line_3" refType="ctrX" refFor="ch" refForName="picture_3"/>
                <dgm:constr type="ctrY" for="ch" forName="line_3" refType="ctrY" refFor="ch" refForName="picture_3"/>
                <dgm:constr type="l" for="ch" forName="textparent_3"/>
                <dgm:constr type="h" for="ch" forName="textparent_3" refType="h" refFor="ch" refForName="picture_3"/>
                <dgm:constr type="r" for="ch" forName="textparent_3" refType="l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</dgm:constrLst>
            </dgm:else>
          </dgm:choose>
        </dgm:if>
        <dgm:if name="Name12" axis="ch" ptType="node" func="cnt" op="lte" val="4">
          <dgm:choose name="Name13">
            <dgm:if name="Name14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3"/>
                <dgm:constr type="h" for="ch" forName="picture_2" refType="h" refFor="ch" refForName="picture_1" fact="0.3"/>
                <dgm:constr type="l" for="ch" forName="picture_2" refType="w" refFor="ch" refForName="picture_1" fact="1.354"/>
                <dgm:constr type="ctrY" for="ch" forName="picture_2" refType="h" refFor="ch" refForName="picture_1" fact="0.15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3"/>
                <dgm:constr type="h" for="ch" forName="picture_3" refType="h" refFor="ch" refForName="picture_1" fact="0.3"/>
                <dgm:constr type="l" for="ch" forName="picture_3" refType="w" refFor="ch" refForName="picture_1" fact="1.21"/>
                <dgm:constr type="ctrY" for="ch" forName="picture_3" refType="h" refFor="ch" refForName="picture_1" fact="0.5"/>
                <dgm:constr type="l" for="ch" forName="line_3" refType="ctrX" refFor="ch" refForName="picture_1"/>
                <dgm:constr type="h" for="ch" forName="line_3"/>
                <dgm:constr type="r" for="ch" forName="line_3" refType="ctrX" refFor="ch" refForName="picture_3"/>
                <dgm:constr type="ctrY" for="ch" forName="line_3" refType="ctrY" refFor="ch" refForName="picture_3"/>
                <dgm:constr type="r" for="ch" forName="textparent_3" refType="w"/>
                <dgm:constr type="h" for="ch" forName="textparent_3" refType="h" refFor="ch" refForName="picture_3"/>
                <dgm:constr type="l" for="ch" forName="textparent_3" refType="r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3"/>
                <dgm:constr type="h" for="ch" forName="picture_4" refType="h" refFor="ch" refForName="picture_1" fact="0.3"/>
                <dgm:constr type="l" for="ch" forName="picture_4" refType="w" refFor="ch" refForName="picture_1" fact="1.354"/>
                <dgm:constr type="ctrY" for="ch" forName="picture_4" refType="h" refFor="ch" refForName="picture_1" fact="0.85"/>
                <dgm:constr type="l" for="ch" forName="line_4" refType="ctrX" refFor="ch" refForName="picture_1"/>
                <dgm:constr type="h" for="ch" forName="line_4"/>
                <dgm:constr type="r" for="ch" forName="line_4" refType="ctrX" refFor="ch" refForName="picture_4"/>
                <dgm:constr type="ctrY" for="ch" forName="line_4" refType="ctrY" refFor="ch" refForName="picture_4"/>
                <dgm:constr type="r" for="ch" forName="textparent_4" refType="w"/>
                <dgm:constr type="h" for="ch" forName="textparent_4" refType="h" refFor="ch" refForName="picture_4"/>
                <dgm:constr type="l" for="ch" forName="textparent_4" refType="r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</dgm:constrLst>
            </dgm:if>
            <dgm:else name="Name15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3"/>
                <dgm:constr type="h" for="ch" forName="picture_2" refType="h" refFor="ch" refForName="picture_1" fact="0.3"/>
                <dgm:constr type="r" for="ch" forName="picture_2" refType="w"/>
                <dgm:constr type="rOff" for="ch" forName="picture_2" refType="w" refFor="ch" refForName="picture_1" fact="-1.354"/>
                <dgm:constr type="ctrY" for="ch" forName="picture_2" refType="h" refFor="ch" refForName="picture_1" fact="0.15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3"/>
                <dgm:constr type="h" for="ch" forName="picture_3" refType="h" refFor="ch" refForName="picture_1" fact="0.3"/>
                <dgm:constr type="r" for="ch" forName="picture_3" refType="w"/>
                <dgm:constr type="rOff" for="ch" forName="picture_3" refType="w" refFor="ch" refForName="picture_1" fact="-1.21"/>
                <dgm:constr type="ctrY" for="ch" forName="picture_3" refType="h" refFor="ch" refForName="picture_1" fact="0.5"/>
                <dgm:constr type="r" for="ch" forName="line_3" refType="ctrX" refFor="ch" refForName="picture_1"/>
                <dgm:constr type="h" for="ch" forName="line_3"/>
                <dgm:constr type="l" for="ch" forName="line_3" refType="ctrX" refFor="ch" refForName="picture_3"/>
                <dgm:constr type="ctrY" for="ch" forName="line_3" refType="ctrY" refFor="ch" refForName="picture_3"/>
                <dgm:constr type="l" for="ch" forName="textparent_3"/>
                <dgm:constr type="h" for="ch" forName="textparent_3" refType="h" refFor="ch" refForName="picture_3"/>
                <dgm:constr type="r" for="ch" forName="textparent_3" refType="l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3"/>
                <dgm:constr type="h" for="ch" forName="picture_4" refType="h" refFor="ch" refForName="picture_1" fact="0.3"/>
                <dgm:constr type="r" for="ch" forName="picture_4" refType="w"/>
                <dgm:constr type="rOff" for="ch" forName="picture_4" refType="w" refFor="ch" refForName="picture_1" fact="-1.354"/>
                <dgm:constr type="ctrY" for="ch" forName="picture_4" refType="h" refFor="ch" refForName="picture_1" fact="0.85"/>
                <dgm:constr type="r" for="ch" forName="line_4" refType="ctrX" refFor="ch" refForName="picture_1"/>
                <dgm:constr type="h" for="ch" forName="line_4"/>
                <dgm:constr type="l" for="ch" forName="line_4" refType="ctrX" refFor="ch" refForName="picture_4"/>
                <dgm:constr type="ctrY" for="ch" forName="line_4" refType="ctrY" refFor="ch" refForName="picture_4"/>
                <dgm:constr type="l" for="ch" forName="textparent_4"/>
                <dgm:constr type="h" for="ch" forName="textparent_4" refType="h" refFor="ch" refForName="picture_4"/>
                <dgm:constr type="r" for="ch" forName="textparent_4" refType="l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</dgm:constrLst>
            </dgm:else>
          </dgm:choose>
        </dgm:if>
        <dgm:if name="Name16" axis="ch" ptType="node" func="cnt" op="lte" val="5">
          <dgm:choose name="Name17">
            <dgm:if name="Name18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22"/>
                <dgm:constr type="h" for="ch" forName="picture_2" refType="h" refFor="ch" refForName="picture_1" fact="0.22"/>
                <dgm:constr type="l" for="ch" forName="picture_2" refType="w" refFor="ch" refForName="picture_1" fact="1.375"/>
                <dgm:constr type="ctrY" for="ch" forName="picture_2" refType="h" refFor="ch" refForName="picture_1" fact="0.11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22"/>
                <dgm:constr type="h" for="ch" forName="picture_3" refType="h" refFor="ch" refForName="picture_1" fact="0.22"/>
                <dgm:constr type="l" for="ch" forName="picture_3" refType="w" refFor="ch" refForName="picture_1" fact="1.21"/>
                <dgm:constr type="ctrY" for="ch" forName="picture_3" refType="h" refFor="ch" refForName="picture_1" fact="0.353"/>
                <dgm:constr type="l" for="ch" forName="line_3" refType="ctrX" refFor="ch" refForName="picture_1"/>
                <dgm:constr type="h" for="ch" forName="line_3"/>
                <dgm:constr type="r" for="ch" forName="line_3" refType="ctrX" refFor="ch" refForName="picture_3"/>
                <dgm:constr type="ctrY" for="ch" forName="line_3" refType="ctrY" refFor="ch" refForName="picture_3"/>
                <dgm:constr type="r" for="ch" forName="textparent_3" refType="w"/>
                <dgm:constr type="h" for="ch" forName="textparent_3" refType="h" refFor="ch" refForName="picture_3"/>
                <dgm:constr type="l" for="ch" forName="textparent_3" refType="r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22"/>
                <dgm:constr type="h" for="ch" forName="picture_4" refType="h" refFor="ch" refForName="picture_1" fact="0.22"/>
                <dgm:constr type="l" for="ch" forName="picture_4" refType="w" refFor="ch" refForName="picture_1" fact="1.21"/>
                <dgm:constr type="ctrY" for="ch" forName="picture_4" refType="h" refFor="ch" refForName="picture_1" fact="0.647"/>
                <dgm:constr type="l" for="ch" forName="line_4" refType="ctrX" refFor="ch" refForName="picture_1"/>
                <dgm:constr type="h" for="ch" forName="line_4"/>
                <dgm:constr type="r" for="ch" forName="line_4" refType="ctrX" refFor="ch" refForName="picture_4"/>
                <dgm:constr type="ctrY" for="ch" forName="line_4" refType="ctrY" refFor="ch" refForName="picture_4"/>
                <dgm:constr type="r" for="ch" forName="textparent_4" refType="w"/>
                <dgm:constr type="h" for="ch" forName="textparent_4" refType="h" refFor="ch" refForName="picture_4"/>
                <dgm:constr type="l" for="ch" forName="textparent_4" refType="r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22"/>
                <dgm:constr type="h" for="ch" forName="picture_5" refType="h" refFor="ch" refForName="picture_1" fact="0.22"/>
                <dgm:constr type="l" for="ch" forName="picture_5" refType="w" refFor="ch" refForName="picture_1" fact="1.375"/>
                <dgm:constr type="ctrY" for="ch" forName="picture_5" refType="h" refFor="ch" refForName="picture_1" fact="0.89"/>
                <dgm:constr type="l" for="ch" forName="line_5" refType="ctrX" refFor="ch" refForName="picture_1"/>
                <dgm:constr type="h" for="ch" forName="line_5"/>
                <dgm:constr type="r" for="ch" forName="line_5" refType="ctrX" refFor="ch" refForName="picture_5"/>
                <dgm:constr type="ctrY" for="ch" forName="line_5" refType="ctrY" refFor="ch" refForName="picture_5"/>
                <dgm:constr type="r" for="ch" forName="textparent_5" refType="w"/>
                <dgm:constr type="h" for="ch" forName="textparent_5" refType="h" refFor="ch" refForName="picture_5"/>
                <dgm:constr type="l" for="ch" forName="textparent_5" refType="r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</dgm:constrLst>
            </dgm:if>
            <dgm:else name="Name19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22"/>
                <dgm:constr type="h" for="ch" forName="picture_2" refType="h" refFor="ch" refForName="picture_1" fact="0.22"/>
                <dgm:constr type="r" for="ch" forName="picture_2" refType="w"/>
                <dgm:constr type="rOff" for="ch" forName="picture_2" refType="w" refFor="ch" refForName="picture_1" fact="-1.375"/>
                <dgm:constr type="ctrY" for="ch" forName="picture_2" refType="h" refFor="ch" refForName="picture_1" fact="0.11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22"/>
                <dgm:constr type="h" for="ch" forName="picture_3" refType="h" refFor="ch" refForName="picture_1" fact="0.22"/>
                <dgm:constr type="r" for="ch" forName="picture_3" refType="w"/>
                <dgm:constr type="rOff" for="ch" forName="picture_3" refType="w" refFor="ch" refForName="picture_1" fact="-1.21"/>
                <dgm:constr type="ctrY" for="ch" forName="picture_3" refType="h" refFor="ch" refForName="picture_1" fact="0.353"/>
                <dgm:constr type="r" for="ch" forName="line_3" refType="ctrX" refFor="ch" refForName="picture_1"/>
                <dgm:constr type="h" for="ch" forName="line_3"/>
                <dgm:constr type="l" for="ch" forName="line_3" refType="ctrX" refFor="ch" refForName="picture_3"/>
                <dgm:constr type="ctrY" for="ch" forName="line_3" refType="ctrY" refFor="ch" refForName="picture_3"/>
                <dgm:constr type="l" for="ch" forName="textparent_3"/>
                <dgm:constr type="h" for="ch" forName="textparent_3" refType="h" refFor="ch" refForName="picture_3"/>
                <dgm:constr type="r" for="ch" forName="textparent_3" refType="l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22"/>
                <dgm:constr type="h" for="ch" forName="picture_4" refType="h" refFor="ch" refForName="picture_1" fact="0.22"/>
                <dgm:constr type="r" for="ch" forName="picture_4" refType="w"/>
                <dgm:constr type="rOff" for="ch" forName="picture_4" refType="w" refFor="ch" refForName="picture_1" fact="-1.21"/>
                <dgm:constr type="ctrY" for="ch" forName="picture_4" refType="h" refFor="ch" refForName="picture_1" fact="0.647"/>
                <dgm:constr type="r" for="ch" forName="line_4" refType="ctrX" refFor="ch" refForName="picture_1"/>
                <dgm:constr type="h" for="ch" forName="line_4"/>
                <dgm:constr type="l" for="ch" forName="line_4" refType="ctrX" refFor="ch" refForName="picture_4"/>
                <dgm:constr type="ctrY" for="ch" forName="line_4" refType="ctrY" refFor="ch" refForName="picture_4"/>
                <dgm:constr type="l" for="ch" forName="textparent_4"/>
                <dgm:constr type="h" for="ch" forName="textparent_4" refType="h" refFor="ch" refForName="picture_4"/>
                <dgm:constr type="r" for="ch" forName="textparent_4" refType="l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22"/>
                <dgm:constr type="h" for="ch" forName="picture_5" refType="h" refFor="ch" refForName="picture_1" fact="0.22"/>
                <dgm:constr type="r" for="ch" forName="picture_5" refType="w"/>
                <dgm:constr type="rOff" for="ch" forName="picture_5" refType="w" refFor="ch" refForName="picture_1" fact="-1.375"/>
                <dgm:constr type="ctrY" for="ch" forName="picture_5" refType="h" refFor="ch" refForName="picture_1" fact="0.89"/>
                <dgm:constr type="r" for="ch" forName="line_5" refType="ctrX" refFor="ch" refForName="picture_1"/>
                <dgm:constr type="h" for="ch" forName="line_5"/>
                <dgm:constr type="l" for="ch" forName="line_5" refType="ctrX" refFor="ch" refForName="picture_5"/>
                <dgm:constr type="ctrY" for="ch" forName="line_5" refType="ctrY" refFor="ch" refForName="picture_5"/>
                <dgm:constr type="l" for="ch" forName="textparent_5"/>
                <dgm:constr type="h" for="ch" forName="textparent_5" refType="h" refFor="ch" refForName="picture_5"/>
                <dgm:constr type="r" for="ch" forName="textparent_5" refType="l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</dgm:constrLst>
            </dgm:else>
          </dgm:choose>
        </dgm:if>
        <dgm:if name="Name20" axis="ch" ptType="node" func="cnt" op="lte" val="6">
          <dgm:choose name="Name21">
            <dgm:if name="Name22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18"/>
                <dgm:constr type="h" for="ch" forName="picture_2" refType="h" refFor="ch" refForName="picture_1" fact="0.18"/>
                <dgm:constr type="l" for="ch" forName="picture_2" refType="w" refFor="ch" refForName="picture_1" fact="1.4238"/>
                <dgm:constr type="ctrY" for="ch" forName="picture_2" refType="h" refFor="ch" refForName="picture_1" fact="0.09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18"/>
                <dgm:constr type="h" for="ch" forName="picture_3" refType="h" refFor="ch" refForName="picture_1" fact="0.18"/>
                <dgm:constr type="l" for="ch" forName="picture_3" refType="w" refFor="ch" refForName="picture_1" fact="1.2667"/>
                <dgm:constr type="ctrY" for="ch" forName="picture_3" refType="h" refFor="ch" refForName="picture_1" fact="0.261"/>
                <dgm:constr type="l" for="ch" forName="line_3" refType="ctrX" refFor="ch" refForName="picture_1"/>
                <dgm:constr type="h" for="ch" forName="line_3"/>
                <dgm:constr type="r" for="ch" forName="line_3" refType="ctrX" refFor="ch" refForName="picture_3"/>
                <dgm:constr type="ctrY" for="ch" forName="line_3" refType="ctrY" refFor="ch" refForName="picture_3"/>
                <dgm:constr type="r" for="ch" forName="textparent_3" refType="w"/>
                <dgm:constr type="h" for="ch" forName="textparent_3" refType="h" refFor="ch" refForName="picture_3"/>
                <dgm:constr type="l" for="ch" forName="textparent_3" refType="r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18"/>
                <dgm:constr type="h" for="ch" forName="picture_4" refType="h" refFor="ch" refForName="picture_1" fact="0.18"/>
                <dgm:constr type="l" for="ch" forName="picture_4" refType="w" refFor="ch" refForName="picture_1" fact="1.21"/>
                <dgm:constr type="ctrY" for="ch" forName="picture_4" refType="h" refFor="ch" refForName="picture_1" fact="0.5"/>
                <dgm:constr type="l" for="ch" forName="line_4" refType="ctrX" refFor="ch" refForName="picture_1"/>
                <dgm:constr type="h" for="ch" forName="line_4"/>
                <dgm:constr type="r" for="ch" forName="line_4" refType="ctrX" refFor="ch" refForName="picture_4"/>
                <dgm:constr type="ctrY" for="ch" forName="line_4" refType="ctrY" refFor="ch" refForName="picture_4"/>
                <dgm:constr type="r" for="ch" forName="textparent_4" refType="w"/>
                <dgm:constr type="h" for="ch" forName="textparent_4" refType="h" refFor="ch" refForName="picture_4"/>
                <dgm:constr type="l" for="ch" forName="textparent_4" refType="r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18"/>
                <dgm:constr type="h" for="ch" forName="picture_5" refType="h" refFor="ch" refForName="picture_1" fact="0.18"/>
                <dgm:constr type="l" for="ch" forName="picture_5" refType="w" refFor="ch" refForName="picture_1" fact="1.2667"/>
                <dgm:constr type="ctrY" for="ch" forName="picture_5" refType="h" refFor="ch" refForName="picture_1" fact="0.739"/>
                <dgm:constr type="l" for="ch" forName="line_5" refType="ctrX" refFor="ch" refForName="picture_1"/>
                <dgm:constr type="h" for="ch" forName="line_5"/>
                <dgm:constr type="r" for="ch" forName="line_5" refType="ctrX" refFor="ch" refForName="picture_5"/>
                <dgm:constr type="ctrY" for="ch" forName="line_5" refType="ctrY" refFor="ch" refForName="picture_5"/>
                <dgm:constr type="r" for="ch" forName="textparent_5" refType="w"/>
                <dgm:constr type="h" for="ch" forName="textparent_5" refType="h" refFor="ch" refForName="picture_5"/>
                <dgm:constr type="l" for="ch" forName="textparent_5" refType="r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  <dgm:constr type="w" for="ch" forName="picture_6" refType="w" refFor="ch" refForName="picture_1" fact="0.18"/>
                <dgm:constr type="h" for="ch" forName="picture_6" refType="h" refFor="ch" refForName="picture_1" fact="0.18"/>
                <dgm:constr type="l" for="ch" forName="picture_6" refType="w" refFor="ch" refForName="picture_1" fact="1.4238"/>
                <dgm:constr type="ctrY" for="ch" forName="picture_6" refType="h" refFor="ch" refForName="picture_1" fact="0.91"/>
                <dgm:constr type="l" for="ch" forName="line_6" refType="ctrX" refFor="ch" refForName="picture_1"/>
                <dgm:constr type="h" for="ch" forName="line_6"/>
                <dgm:constr type="r" for="ch" forName="line_6" refType="ctrX" refFor="ch" refForName="picture_6"/>
                <dgm:constr type="ctrY" for="ch" forName="line_6" refType="ctrY" refFor="ch" refForName="picture_6"/>
                <dgm:constr type="r" for="ch" forName="textparent_6" refType="w"/>
                <dgm:constr type="h" for="ch" forName="textparent_6" refType="h" refFor="ch" refForName="picture_6"/>
                <dgm:constr type="l" for="ch" forName="textparent_6" refType="r" refFor="ch" refForName="picture_6"/>
                <dgm:constr type="ctrY" for="ch" forName="textparent_6" refType="ctrY" refFor="ch" refForName="picture_6"/>
                <dgm:constr type="primFontSz" for="des" forName="text_6" refType="primFontSz" refFor="des" refForName="text_2" op="equ"/>
              </dgm:constrLst>
            </dgm:if>
            <dgm:else name="Name23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18"/>
                <dgm:constr type="h" for="ch" forName="picture_2" refType="h" refFor="ch" refForName="picture_1" fact="0.18"/>
                <dgm:constr type="r" for="ch" forName="picture_2" refType="w"/>
                <dgm:constr type="rOff" for="ch" forName="picture_2" refType="w" refFor="ch" refForName="picture_1" fact="-1.4238"/>
                <dgm:constr type="ctrY" for="ch" forName="picture_2" refType="h" refFor="ch" refForName="picture_1" fact="0.09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18"/>
                <dgm:constr type="h" for="ch" forName="picture_3" refType="h" refFor="ch" refForName="picture_1" fact="0.18"/>
                <dgm:constr type="r" for="ch" forName="picture_3" refType="w"/>
                <dgm:constr type="rOff" for="ch" forName="picture_3" refType="w" refFor="ch" refForName="picture_1" fact="-1.2667"/>
                <dgm:constr type="ctrY" for="ch" forName="picture_3" refType="h" refFor="ch" refForName="picture_1" fact="0.261"/>
                <dgm:constr type="r" for="ch" forName="line_3" refType="ctrX" refFor="ch" refForName="picture_1"/>
                <dgm:constr type="h" for="ch" forName="line_3"/>
                <dgm:constr type="l" for="ch" forName="line_3" refType="ctrX" refFor="ch" refForName="picture_3"/>
                <dgm:constr type="ctrY" for="ch" forName="line_3" refType="ctrY" refFor="ch" refForName="picture_3"/>
                <dgm:constr type="l" for="ch" forName="textparent_3"/>
                <dgm:constr type="h" for="ch" forName="textparent_3" refType="h" refFor="ch" refForName="picture_3"/>
                <dgm:constr type="r" for="ch" forName="textparent_3" refType="l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18"/>
                <dgm:constr type="h" for="ch" forName="picture_4" refType="h" refFor="ch" refForName="picture_1" fact="0.18"/>
                <dgm:constr type="r" for="ch" forName="picture_4" refType="w"/>
                <dgm:constr type="rOff" for="ch" forName="picture_4" refType="w" refFor="ch" refForName="picture_1" fact="-1.21"/>
                <dgm:constr type="ctrY" for="ch" forName="picture_4" refType="h" refFor="ch" refForName="picture_1" fact="0.5"/>
                <dgm:constr type="r" for="ch" forName="line_4" refType="ctrX" refFor="ch" refForName="picture_1"/>
                <dgm:constr type="h" for="ch" forName="line_4"/>
                <dgm:constr type="l" for="ch" forName="line_4" refType="ctrX" refFor="ch" refForName="picture_4"/>
                <dgm:constr type="ctrY" for="ch" forName="line_4" refType="ctrY" refFor="ch" refForName="picture_4"/>
                <dgm:constr type="l" for="ch" forName="textparent_4"/>
                <dgm:constr type="h" for="ch" forName="textparent_4" refType="h" refFor="ch" refForName="picture_4"/>
                <dgm:constr type="r" for="ch" forName="textparent_4" refType="l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18"/>
                <dgm:constr type="h" for="ch" forName="picture_5" refType="h" refFor="ch" refForName="picture_1" fact="0.18"/>
                <dgm:constr type="r" for="ch" forName="picture_5" refType="w"/>
                <dgm:constr type="rOff" for="ch" forName="picture_5" refType="w" refFor="ch" refForName="picture_1" fact="-1.2667"/>
                <dgm:constr type="ctrY" for="ch" forName="picture_5" refType="h" refFor="ch" refForName="picture_1" fact="0.739"/>
                <dgm:constr type="r" for="ch" forName="line_5" refType="ctrX" refFor="ch" refForName="picture_1"/>
                <dgm:constr type="h" for="ch" forName="line_5"/>
                <dgm:constr type="l" for="ch" forName="line_5" refType="ctrX" refFor="ch" refForName="picture_5"/>
                <dgm:constr type="ctrY" for="ch" forName="line_5" refType="ctrY" refFor="ch" refForName="picture_5"/>
                <dgm:constr type="l" for="ch" forName="textparent_5"/>
                <dgm:constr type="h" for="ch" forName="textparent_5" refType="h" refFor="ch" refForName="picture_5"/>
                <dgm:constr type="r" for="ch" forName="textparent_5" refType="l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  <dgm:constr type="w" for="ch" forName="picture_6" refType="w" refFor="ch" refForName="picture_1" fact="0.18"/>
                <dgm:constr type="h" for="ch" forName="picture_6" refType="h" refFor="ch" refForName="picture_1" fact="0.18"/>
                <dgm:constr type="r" for="ch" forName="picture_6" refType="w"/>
                <dgm:constr type="rOff" for="ch" forName="picture_6" refType="w" refFor="ch" refForName="picture_1" fact="-1.4238"/>
                <dgm:constr type="ctrY" for="ch" forName="picture_6" refType="h" refFor="ch" refForName="picture_1" fact="0.91"/>
                <dgm:constr type="r" for="ch" forName="line_6" refType="ctrX" refFor="ch" refForName="picture_1"/>
                <dgm:constr type="h" for="ch" forName="line_6"/>
                <dgm:constr type="l" for="ch" forName="line_6" refType="ctrX" refFor="ch" refForName="picture_6"/>
                <dgm:constr type="ctrY" for="ch" forName="line_6" refType="ctrY" refFor="ch" refForName="picture_6"/>
                <dgm:constr type="l" for="ch" forName="textparent_6"/>
                <dgm:constr type="h" for="ch" forName="textparent_6" refType="h" refFor="ch" refForName="picture_6"/>
                <dgm:constr type="r" for="ch" forName="textparent_6" refType="l" refFor="ch" refForName="picture_6"/>
                <dgm:constr type="ctrY" for="ch" forName="textparent_6" refType="ctrY" refFor="ch" refForName="picture_6"/>
                <dgm:constr type="primFontSz" for="des" forName="text_6" refType="primFontSz" refFor="des" refForName="text_2" op="equ"/>
              </dgm:constrLst>
            </dgm:else>
          </dgm:choose>
        </dgm:if>
        <dgm:else name="Name24">
          <dgm:choose name="Name25">
            <dgm:if name="Name26" func="var" arg="dir" op="equ" val="norm">
              <dgm:constrLst>
                <dgm:constr type="h" for="ch" forName="picture_1" refType="h"/>
                <dgm:constr type="w" for="ch" forName="picture_1" refType="h" refFor="ch" refForName="picture_1" op="equ"/>
                <dgm:constr type="l" for="ch" forName="picture_1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15"/>
                <dgm:constr type="h" for="ch" forName="picture_2" refType="h" refFor="ch" refForName="picture_1" fact="0.15"/>
                <dgm:constr type="l" for="ch" forName="picture_2" refType="w" refFor="ch" refForName="picture_1" fact="1.4363"/>
                <dgm:constr type="ctrY" for="ch" forName="picture_2" refType="h" refFor="ch" refForName="picture_1" fact="0.075"/>
                <dgm:constr type="l" for="ch" forName="line_2" refType="ctrX" refFor="ch" refForName="picture_1"/>
                <dgm:constr type="h" for="ch" forName="line_2"/>
                <dgm:constr type="r" for="ch" forName="line_2" refType="ctrX" refFor="ch" refForName="picture_2"/>
                <dgm:constr type="ctrY" for="ch" forName="line_2" refType="ctrY" refFor="ch" refForName="picture_2"/>
                <dgm:constr type="r" for="ch" forName="textparent_2" refType="w"/>
                <dgm:constr type="h" for="ch" forName="textparent_2" refType="h" refFor="ch" refForName="picture_2"/>
                <dgm:constr type="l" for="ch" forName="textparent_2" refType="r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15"/>
                <dgm:constr type="h" for="ch" forName="picture_3" refType="h" refFor="ch" refForName="picture_1" fact="0.15"/>
                <dgm:constr type="l" for="ch" forName="picture_3" refType="w" refFor="ch" refForName="picture_1" fact="1.2898"/>
                <dgm:constr type="ctrY" for="ch" forName="picture_3" refType="h" refFor="ch" refForName="picture_1" fact="0.227"/>
                <dgm:constr type="l" for="ch" forName="line_3" refType="ctrX" refFor="ch" refForName="picture_1"/>
                <dgm:constr type="h" for="ch" forName="line_3"/>
                <dgm:constr type="r" for="ch" forName="line_3" refType="ctrX" refFor="ch" refForName="picture_3"/>
                <dgm:constr type="ctrY" for="ch" forName="line_3" refType="ctrY" refFor="ch" refForName="picture_3"/>
                <dgm:constr type="r" for="ch" forName="textparent_3" refType="w"/>
                <dgm:constr type="h" for="ch" forName="textparent_3" refType="h" refFor="ch" refForName="picture_3"/>
                <dgm:constr type="l" for="ch" forName="textparent_3" refType="r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15"/>
                <dgm:constr type="h" for="ch" forName="picture_4" refType="h" refFor="ch" refForName="picture_1" fact="0.15"/>
                <dgm:constr type="l" for="ch" forName="picture_4" refType="w" refFor="ch" refForName="picture_1" fact="1.21"/>
                <dgm:constr type="ctrY" for="ch" forName="picture_4" refType="h" refFor="ch" refForName="picture_1" fact="0.405"/>
                <dgm:constr type="l" for="ch" forName="line_4" refType="ctrX" refFor="ch" refForName="picture_1"/>
                <dgm:constr type="h" for="ch" forName="line_4"/>
                <dgm:constr type="r" for="ch" forName="line_4" refType="ctrX" refFor="ch" refForName="picture_4"/>
                <dgm:constr type="ctrY" for="ch" forName="line_4" refType="ctrY" refFor="ch" refForName="picture_4"/>
                <dgm:constr type="r" for="ch" forName="textparent_4" refType="w"/>
                <dgm:constr type="h" for="ch" forName="textparent_4" refType="h" refFor="ch" refForName="picture_4"/>
                <dgm:constr type="l" for="ch" forName="textparent_4" refType="r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15"/>
                <dgm:constr type="h" for="ch" forName="picture_5" refType="h" refFor="ch" refForName="picture_1" fact="0.15"/>
                <dgm:constr type="l" for="ch" forName="picture_5" refType="w" refFor="ch" refForName="picture_1" fact="1.21"/>
                <dgm:constr type="ctrY" for="ch" forName="picture_5" refType="h" refFor="ch" refForName="picture_1" fact="0.595"/>
                <dgm:constr type="l" for="ch" forName="line_5" refType="ctrX" refFor="ch" refForName="picture_1"/>
                <dgm:constr type="h" for="ch" forName="line_5"/>
                <dgm:constr type="r" for="ch" forName="line_5" refType="ctrX" refFor="ch" refForName="picture_5"/>
                <dgm:constr type="ctrY" for="ch" forName="line_5" refType="ctrY" refFor="ch" refForName="picture_5"/>
                <dgm:constr type="r" for="ch" forName="textparent_5" refType="w"/>
                <dgm:constr type="h" for="ch" forName="textparent_5" refType="h" refFor="ch" refForName="picture_5"/>
                <dgm:constr type="l" for="ch" forName="textparent_5" refType="r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  <dgm:constr type="w" for="ch" forName="picture_6" refType="w" refFor="ch" refForName="picture_1" fact="0.15"/>
                <dgm:constr type="h" for="ch" forName="picture_6" refType="h" refFor="ch" refForName="picture_1" fact="0.15"/>
                <dgm:constr type="l" for="ch" forName="picture_6" refType="w" refFor="ch" refForName="picture_1" fact="1.2898"/>
                <dgm:constr type="ctrY" for="ch" forName="picture_6" refType="h" refFor="ch" refForName="picture_1" fact="0.773"/>
                <dgm:constr type="l" for="ch" forName="line_6" refType="ctrX" refFor="ch" refForName="picture_1"/>
                <dgm:constr type="h" for="ch" forName="line_6"/>
                <dgm:constr type="r" for="ch" forName="line_6" refType="ctrX" refFor="ch" refForName="picture_6"/>
                <dgm:constr type="ctrY" for="ch" forName="line_6" refType="ctrY" refFor="ch" refForName="picture_6"/>
                <dgm:constr type="r" for="ch" forName="textparent_6" refType="w"/>
                <dgm:constr type="h" for="ch" forName="textparent_6" refType="h" refFor="ch" refForName="picture_6"/>
                <dgm:constr type="l" for="ch" forName="textparent_6" refType="r" refFor="ch" refForName="picture_6"/>
                <dgm:constr type="ctrY" for="ch" forName="textparent_6" refType="ctrY" refFor="ch" refForName="picture_6"/>
                <dgm:constr type="primFontSz" for="des" forName="text_6" refType="primFontSz" refFor="des" refForName="text_2" op="equ"/>
                <dgm:constr type="w" for="ch" forName="picture_7" refType="w" refFor="ch" refForName="picture_1" fact="0.15"/>
                <dgm:constr type="h" for="ch" forName="picture_7" refType="h" refFor="ch" refForName="picture_1" fact="0.15"/>
                <dgm:constr type="l" for="ch" forName="picture_7" refType="w" refFor="ch" refForName="picture_1" fact="1.4363"/>
                <dgm:constr type="ctrY" for="ch" forName="picture_7" refType="h" refFor="ch" refForName="picture_1" fact="0.925"/>
                <dgm:constr type="l" for="ch" forName="line_7" refType="ctrX" refFor="ch" refForName="picture_1"/>
                <dgm:constr type="h" for="ch" forName="line_7"/>
                <dgm:constr type="r" for="ch" forName="line_7" refType="ctrX" refFor="ch" refForName="picture_7"/>
                <dgm:constr type="ctrY" for="ch" forName="line_7" refType="ctrY" refFor="ch" refForName="picture_7"/>
                <dgm:constr type="r" for="ch" forName="textparent_7" refType="w"/>
                <dgm:constr type="h" for="ch" forName="textparent_7" refType="h" refFor="ch" refForName="picture_7"/>
                <dgm:constr type="l" for="ch" forName="textparent_7" refType="r" refFor="ch" refForName="picture_7"/>
                <dgm:constr type="ctrY" for="ch" forName="textparent_7" refType="ctrY" refFor="ch" refForName="picture_7"/>
                <dgm:constr type="primFontSz" for="des" forName="text_7" refType="primFontSz" refFor="des" refForName="text_2" op="equ"/>
              </dgm:constrLst>
            </dgm:if>
            <dgm:else name="Name27">
              <dgm:constrLst>
                <dgm:constr type="h" for="ch" forName="picture_1" refType="h"/>
                <dgm:constr type="w" for="ch" forName="picture_1" refType="h" refFor="ch" refForName="picture_1" op="equ"/>
                <dgm:constr type="r" for="ch" forName="picture_1" refType="w"/>
                <dgm:constr type="t" for="ch" forName="picture_1"/>
                <dgm:constr type="w" for="ch" forName="text_1" refType="w" refFor="ch" refForName="picture_1" fact="0.64"/>
                <dgm:constr type="h" for="ch" forName="text_1" refType="h" refFor="ch" refForName="picture_1" fact="0.33"/>
                <dgm:constr type="l" for="ch" forName="text_1" refType="l" refFor="ch" refForName="picture_1"/>
                <dgm:constr type="lOff" for="ch" forName="text_1" refType="w" refFor="ch" refForName="picture_1" fact="0.18"/>
                <dgm:constr type="t" for="ch" forName="text_1" refType="h" refFor="ch" refForName="picture_1" fact="0.531"/>
                <dgm:constr type="w" for="ch" forName="picture_2" refType="w" refFor="ch" refForName="picture_1" fact="0.15"/>
                <dgm:constr type="h" for="ch" forName="picture_2" refType="h" refFor="ch" refForName="picture_1" fact="0.15"/>
                <dgm:constr type="r" for="ch" forName="picture_2" refType="w"/>
                <dgm:constr type="rOff" for="ch" forName="picture_2" refType="w" refFor="ch" refForName="picture_1" fact="-1.4363"/>
                <dgm:constr type="ctrY" for="ch" forName="picture_2" refType="h" refFor="ch" refForName="picture_1" fact="0.075"/>
                <dgm:constr type="r" for="ch" forName="line_2" refType="ctrX" refFor="ch" refForName="picture_1"/>
                <dgm:constr type="h" for="ch" forName="line_2"/>
                <dgm:constr type="l" for="ch" forName="line_2" refType="ctrX" refFor="ch" refForName="picture_2"/>
                <dgm:constr type="ctrY" for="ch" forName="line_2" refType="ctrY" refFor="ch" refForName="picture_2"/>
                <dgm:constr type="l" for="ch" forName="textparent_2"/>
                <dgm:constr type="h" for="ch" forName="textparent_2" refType="h" refFor="ch" refForName="picture_2"/>
                <dgm:constr type="r" for="ch" forName="textparent_2" refType="l" refFor="ch" refForName="picture_2"/>
                <dgm:constr type="ctrY" for="ch" forName="textparent_2" refType="ctrY" refFor="ch" refForName="picture_2"/>
                <dgm:constr type="primFontSz" for="des" forName="text_2" val="65"/>
                <dgm:constr type="w" for="ch" forName="picture_3" refType="w" refFor="ch" refForName="picture_1" fact="0.15"/>
                <dgm:constr type="h" for="ch" forName="picture_3" refType="h" refFor="ch" refForName="picture_1" fact="0.15"/>
                <dgm:constr type="r" for="ch" forName="picture_3" refType="w"/>
                <dgm:constr type="rOff" for="ch" forName="picture_3" refType="w" refFor="ch" refForName="picture_1" fact="-1.2898"/>
                <dgm:constr type="ctrY" for="ch" forName="picture_3" refType="h" refFor="ch" refForName="picture_1" fact="0.227"/>
                <dgm:constr type="r" for="ch" forName="line_3" refType="ctrX" refFor="ch" refForName="picture_1"/>
                <dgm:constr type="h" for="ch" forName="line_3"/>
                <dgm:constr type="l" for="ch" forName="line_3" refType="ctrX" refFor="ch" refForName="picture_3"/>
                <dgm:constr type="ctrY" for="ch" forName="line_3" refType="ctrY" refFor="ch" refForName="picture_3"/>
                <dgm:constr type="l" for="ch" forName="textparent_3"/>
                <dgm:constr type="h" for="ch" forName="textparent_3" refType="h" refFor="ch" refForName="picture_3"/>
                <dgm:constr type="r" for="ch" forName="textparent_3" refType="l" refFor="ch" refForName="picture_3"/>
                <dgm:constr type="ctrY" for="ch" forName="textparent_3" refType="ctrY" refFor="ch" refForName="picture_3"/>
                <dgm:constr type="primFontSz" for="des" forName="text_3" refType="primFontSz" refFor="des" refForName="text_2" op="equ"/>
                <dgm:constr type="w" for="ch" forName="picture_4" refType="w" refFor="ch" refForName="picture_1" fact="0.15"/>
                <dgm:constr type="h" for="ch" forName="picture_4" refType="h" refFor="ch" refForName="picture_1" fact="0.15"/>
                <dgm:constr type="r" for="ch" forName="picture_4" refType="w"/>
                <dgm:constr type="rOff" for="ch" forName="picture_4" refType="w" refFor="ch" refForName="picture_1" fact="-1.21"/>
                <dgm:constr type="ctrY" for="ch" forName="picture_4" refType="h" refFor="ch" refForName="picture_1" fact="0.405"/>
                <dgm:constr type="r" for="ch" forName="line_4" refType="ctrX" refFor="ch" refForName="picture_1"/>
                <dgm:constr type="h" for="ch" forName="line_4"/>
                <dgm:constr type="l" for="ch" forName="line_4" refType="ctrX" refFor="ch" refForName="picture_4"/>
                <dgm:constr type="ctrY" for="ch" forName="line_4" refType="ctrY" refFor="ch" refForName="picture_4"/>
                <dgm:constr type="l" for="ch" forName="textparent_4"/>
                <dgm:constr type="h" for="ch" forName="textparent_4" refType="h" refFor="ch" refForName="picture_4"/>
                <dgm:constr type="r" for="ch" forName="textparent_4" refType="l" refFor="ch" refForName="picture_4"/>
                <dgm:constr type="ctrY" for="ch" forName="textparent_4" refType="ctrY" refFor="ch" refForName="picture_4"/>
                <dgm:constr type="primFontSz" for="des" forName="text_4" refType="primFontSz" refFor="des" refForName="text_2" op="equ"/>
                <dgm:constr type="w" for="ch" forName="picture_5" refType="w" refFor="ch" refForName="picture_1" fact="0.15"/>
                <dgm:constr type="h" for="ch" forName="picture_5" refType="h" refFor="ch" refForName="picture_1" fact="0.15"/>
                <dgm:constr type="r" for="ch" forName="picture_5" refType="w"/>
                <dgm:constr type="rOff" for="ch" forName="picture_5" refType="w" refFor="ch" refForName="picture_1" fact="-1.21"/>
                <dgm:constr type="ctrY" for="ch" forName="picture_5" refType="h" refFor="ch" refForName="picture_1" fact="0.595"/>
                <dgm:constr type="r" for="ch" forName="line_5" refType="ctrX" refFor="ch" refForName="picture_1"/>
                <dgm:constr type="h" for="ch" forName="line_5"/>
                <dgm:constr type="l" for="ch" forName="line_5" refType="ctrX" refFor="ch" refForName="picture_5"/>
                <dgm:constr type="ctrY" for="ch" forName="line_5" refType="ctrY" refFor="ch" refForName="picture_5"/>
                <dgm:constr type="l" for="ch" forName="textparent_5"/>
                <dgm:constr type="h" for="ch" forName="textparent_5" refType="h" refFor="ch" refForName="picture_5"/>
                <dgm:constr type="r" for="ch" forName="textparent_5" refType="l" refFor="ch" refForName="picture_5"/>
                <dgm:constr type="ctrY" for="ch" forName="textparent_5" refType="ctrY" refFor="ch" refForName="picture_5"/>
                <dgm:constr type="primFontSz" for="des" forName="text_5" refType="primFontSz" refFor="des" refForName="text_2" op="equ"/>
                <dgm:constr type="w" for="ch" forName="picture_6" refType="w" refFor="ch" refForName="picture_1" fact="0.15"/>
                <dgm:constr type="h" for="ch" forName="picture_6" refType="h" refFor="ch" refForName="picture_1" fact="0.15"/>
                <dgm:constr type="r" for="ch" forName="picture_6" refType="w"/>
                <dgm:constr type="rOff" for="ch" forName="picture_6" refType="w" refFor="ch" refForName="picture_1" fact="-1.2898"/>
                <dgm:constr type="ctrY" for="ch" forName="picture_6" refType="h" refFor="ch" refForName="picture_1" fact="0.773"/>
                <dgm:constr type="r" for="ch" forName="line_6" refType="ctrX" refFor="ch" refForName="picture_1"/>
                <dgm:constr type="h" for="ch" forName="line_6"/>
                <dgm:constr type="l" for="ch" forName="line_6" refType="ctrX" refFor="ch" refForName="picture_6"/>
                <dgm:constr type="ctrY" for="ch" forName="line_6" refType="ctrY" refFor="ch" refForName="picture_6"/>
                <dgm:constr type="l" for="ch" forName="textparent_6"/>
                <dgm:constr type="h" for="ch" forName="textparent_6" refType="h" refFor="ch" refForName="picture_6"/>
                <dgm:constr type="r" for="ch" forName="textparent_6" refType="l" refFor="ch" refForName="picture_6"/>
                <dgm:constr type="ctrY" for="ch" forName="textparent_6" refType="ctrY" refFor="ch" refForName="picture_6"/>
                <dgm:constr type="primFontSz" for="des" forName="text_6" refType="primFontSz" refFor="des" refForName="text_2" op="equ"/>
                <dgm:constr type="w" for="ch" forName="picture_7" refType="w" refFor="ch" refForName="picture_1" fact="0.15"/>
                <dgm:constr type="h" for="ch" forName="picture_7" refType="h" refFor="ch" refForName="picture_1" fact="0.15"/>
                <dgm:constr type="r" for="ch" forName="picture_7" refType="w"/>
                <dgm:constr type="rOff" for="ch" forName="picture_7" refType="w" refFor="ch" refForName="picture_1" fact="-1.4363"/>
                <dgm:constr type="ctrY" for="ch" forName="picture_7" refType="h" refFor="ch" refForName="picture_1" fact="0.925"/>
                <dgm:constr type="r" for="ch" forName="line_7" refType="ctrX" refFor="ch" refForName="picture_1"/>
                <dgm:constr type="h" for="ch" forName="line_7"/>
                <dgm:constr type="l" for="ch" forName="line_7" refType="ctrX" refFor="ch" refForName="picture_7"/>
                <dgm:constr type="ctrY" for="ch" forName="line_7" refType="ctrY" refFor="ch" refForName="picture_7"/>
                <dgm:constr type="l" for="ch" forName="textparent_7"/>
                <dgm:constr type="h" for="ch" forName="textparent_7" refType="h" refFor="ch" refForName="picture_7"/>
                <dgm:constr type="r" for="ch" forName="textparent_7" refType="l" refFor="ch" refForName="picture_7"/>
                <dgm:constr type="ctrY" for="ch" forName="textparent_7" refType="ctrY" refFor="ch" refForName="picture_7"/>
                <dgm:constr type="primFontSz" for="des" forName="text_7" refType="primFontSz" refFor="des" refForName="text_2" op="equ"/>
              </dgm:constrLst>
            </dgm:else>
          </dgm:choose>
        </dgm:else>
      </dgm:choose>
      <dgm:forEach name="wrapper" axis="self" ptType="parTrans">
        <dgm:forEach name="wrapper2" axis="self" ptType="sibTrans" st="2">
          <dgm:forEach name="pictureRepeat" axis="self">
            <dgm:layoutNode name="pictureRepeatNode" styleLbl="alignImgPlace1">
              <dgm:alg type="sp"/>
              <dgm:shape xmlns:r="http://schemas.openxmlformats.org/officeDocument/2006/relationships" type="ellipse" r:blip="" blipPhldr="1">
                <dgm:adjLst/>
              </dgm:shape>
              <dgm:presOf axis="self"/>
            </dgm:layoutNode>
          </dgm:forEach>
        </dgm:forEach>
      </dgm:forEach>
      <dgm:forEach name="Name28" axis="ch" ptType="sibTrans" hideLastTrans="0" cnt="1">
        <dgm:layoutNode name="picture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9" ref="pictureRepeat"/>
        </dgm:layoutNode>
      </dgm:forEach>
      <dgm:forEach name="Name30" axis="ch" ptType="node" cnt="1">
        <dgm:layoutNode name="text_1" styleLbl="node1">
          <dgm:varLst>
            <dgm:bulletEnabled val="1"/>
          </dgm:varLst>
          <dgm:alg type="tx">
            <dgm:param type="txAnchorVert" val="b"/>
            <dgm:param type="txAnchorVertCh" val="b"/>
            <dgm:param type="parTxRTLAlign" val="r"/>
            <dgm:param type="shpTxRTLAlignCh" val="r"/>
          </dgm:alg>
          <dgm:shape xmlns:r="http://schemas.openxmlformats.org/officeDocument/2006/relationships" type="rect" r:blip="" hideGeom="1">
            <dgm:adjLst/>
          </dgm:shape>
          <dgm:presOf axis="desOrSelf" ptType="node"/>
          <dgm:constrLst>
            <dgm:constr type="primFontSz" val="65"/>
            <dgm:constr type="lMarg"/>
            <dgm:constr type="rMarg"/>
            <dgm:constr type="tMarg"/>
            <dgm:constr type="bMarg"/>
          </dgm:constrLst>
          <dgm:ruleLst>
            <dgm:rule type="primFontSz" val="5" fact="NaN" max="NaN"/>
          </dgm:ruleLst>
        </dgm:layoutNode>
      </dgm:forEach>
      <dgm:forEach name="Name31" axis="ch" ptType="sibTrans" hideLastTrans="0" st="2" cnt="1">
        <dgm:layoutNode name="picture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2" ref="pictureRepeat"/>
        </dgm:layoutNode>
      </dgm:forEach>
      <dgm:forEach name="Name33" axis="ch" ptType="node" st="2" cnt="1">
        <dgm:layoutNode name="line_2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2">
          <dgm:choose name="Name34">
            <dgm:if name="Name35" func="var" arg="dir" op="equ" val="norm">
              <dgm:alg type="lin">
                <dgm:param type="horzAlign" val="l"/>
              </dgm:alg>
            </dgm:if>
            <dgm:else name="Name36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2" refType="w"/>
            <dgm:constr type="h" for="ch" forName="text_2" refType="h"/>
          </dgm:constrLst>
          <dgm:presOf/>
          <dgm:layoutNode name="text_2" styleLbl="revTx">
            <dgm:varLst>
              <dgm:bulletEnabled val="1"/>
            </dgm:varLst>
            <dgm:choose name="Name37">
              <dgm:if name="Name38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39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  <dgm:forEach name="Name40" axis="ch" ptType="sibTrans" hideLastTrans="0" st="3" cnt="1">
        <dgm:layoutNode name="picture_3">
          <dgm:alg type="sp"/>
          <dgm:shape xmlns:r="http://schemas.openxmlformats.org/officeDocument/2006/relationships" r:blip="">
            <dgm:adjLst/>
          </dgm:shape>
          <dgm:presOf/>
          <dgm:constrLst/>
          <dgm:forEach name="Name41" ref="pictureRepeat"/>
        </dgm:layoutNode>
      </dgm:forEach>
      <dgm:forEach name="Name42" axis="ch" ptType="node" st="3" cnt="1">
        <dgm:layoutNode name="line_3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3">
          <dgm:choose name="Name43">
            <dgm:if name="Name44" func="var" arg="dir" op="equ" val="norm">
              <dgm:alg type="lin">
                <dgm:param type="horzAlign" val="l"/>
              </dgm:alg>
            </dgm:if>
            <dgm:else name="Name45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3" refType="w"/>
            <dgm:constr type="h" for="ch" forName="text_3" refType="h"/>
          </dgm:constrLst>
          <dgm:presOf/>
          <dgm:layoutNode name="text_3" styleLbl="revTx">
            <dgm:varLst>
              <dgm:bulletEnabled val="1"/>
            </dgm:varLst>
            <dgm:choose name="Name46">
              <dgm:if name="Name47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48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  <dgm:forEach name="Name49" axis="ch" ptType="sibTrans" hideLastTrans="0" st="4" cnt="1">
        <dgm:layoutNode name="picture_4">
          <dgm:alg type="sp"/>
          <dgm:shape xmlns:r="http://schemas.openxmlformats.org/officeDocument/2006/relationships" r:blip="">
            <dgm:adjLst/>
          </dgm:shape>
          <dgm:presOf/>
          <dgm:constrLst/>
          <dgm:forEach name="Name50" ref="pictureRepeat"/>
        </dgm:layoutNode>
      </dgm:forEach>
      <dgm:forEach name="Name51" axis="ch" ptType="node" st="4" cnt="1">
        <dgm:layoutNode name="line_4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4">
          <dgm:choose name="Name52">
            <dgm:if name="Name53" func="var" arg="dir" op="equ" val="norm">
              <dgm:alg type="lin">
                <dgm:param type="horzAlign" val="l"/>
              </dgm:alg>
            </dgm:if>
            <dgm:else name="Name54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4" refType="w"/>
            <dgm:constr type="h" for="ch" forName="text_4" refType="h"/>
          </dgm:constrLst>
          <dgm:presOf/>
          <dgm:layoutNode name="text_4" styleLbl="revTx">
            <dgm:varLst>
              <dgm:bulletEnabled val="1"/>
            </dgm:varLst>
            <dgm:choose name="Name55">
              <dgm:if name="Name56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57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  <dgm:forEach name="Name58" axis="ch" ptType="sibTrans" hideLastTrans="0" st="5" cnt="1">
        <dgm:layoutNode name="picture_5">
          <dgm:alg type="sp"/>
          <dgm:shape xmlns:r="http://schemas.openxmlformats.org/officeDocument/2006/relationships" r:blip="">
            <dgm:adjLst/>
          </dgm:shape>
          <dgm:presOf/>
          <dgm:constrLst/>
          <dgm:forEach name="Name59" ref="pictureRepeat"/>
        </dgm:layoutNode>
      </dgm:forEach>
      <dgm:forEach name="Name60" axis="ch" ptType="node" st="5" cnt="1">
        <dgm:layoutNode name="line_5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5">
          <dgm:choose name="Name61">
            <dgm:if name="Name62" func="var" arg="dir" op="equ" val="norm">
              <dgm:alg type="lin">
                <dgm:param type="horzAlign" val="l"/>
              </dgm:alg>
            </dgm:if>
            <dgm:else name="Name63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5" refType="w"/>
            <dgm:constr type="h" for="ch" forName="text_5" refType="h"/>
          </dgm:constrLst>
          <dgm:presOf/>
          <dgm:layoutNode name="text_5" styleLbl="revTx">
            <dgm:varLst>
              <dgm:bulletEnabled val="1"/>
            </dgm:varLst>
            <dgm:choose name="Name64">
              <dgm:if name="Name65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66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  <dgm:forEach name="Name67" axis="ch" ptType="sibTrans" hideLastTrans="0" st="6" cnt="1">
        <dgm:layoutNode name="picture_6">
          <dgm:alg type="sp"/>
          <dgm:shape xmlns:r="http://schemas.openxmlformats.org/officeDocument/2006/relationships" r:blip="">
            <dgm:adjLst/>
          </dgm:shape>
          <dgm:presOf/>
          <dgm:constrLst/>
          <dgm:forEach name="Name68" ref="pictureRepeat"/>
        </dgm:layoutNode>
      </dgm:forEach>
      <dgm:forEach name="Name69" axis="ch" ptType="node" st="6" cnt="1">
        <dgm:layoutNode name="line_6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6">
          <dgm:choose name="Name70">
            <dgm:if name="Name71" func="var" arg="dir" op="equ" val="norm">
              <dgm:alg type="lin">
                <dgm:param type="horzAlign" val="l"/>
              </dgm:alg>
            </dgm:if>
            <dgm:else name="Name72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6" refType="w"/>
            <dgm:constr type="h" for="ch" forName="text_6" refType="h"/>
          </dgm:constrLst>
          <dgm:presOf/>
          <dgm:layoutNode name="text_6" styleLbl="revTx">
            <dgm:varLst>
              <dgm:bulletEnabled val="1"/>
            </dgm:varLst>
            <dgm:choose name="Name73">
              <dgm:if name="Name74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75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  <dgm:forEach name="Name76" axis="ch" ptType="sibTrans" hideLastTrans="0" st="7" cnt="1">
        <dgm:layoutNode name="picture_7">
          <dgm:alg type="sp"/>
          <dgm:shape xmlns:r="http://schemas.openxmlformats.org/officeDocument/2006/relationships" r:blip="">
            <dgm:adjLst/>
          </dgm:shape>
          <dgm:presOf/>
          <dgm:constrLst/>
          <dgm:forEach name="Name77" ref="pictureRepeat"/>
        </dgm:layoutNode>
      </dgm:forEach>
      <dgm:forEach name="Name78" axis="ch" ptType="node" st="7" cnt="1">
        <dgm:layoutNode name="line_7" styleLbl="parChTrans1D1">
          <dgm:alg type="sp"/>
          <dgm:shape xmlns:r="http://schemas.openxmlformats.org/officeDocument/2006/relationships" type="line" r:blip="" zOrderOff="-100">
            <dgm:adjLst/>
          </dgm:shape>
          <dgm:presOf/>
        </dgm:layoutNode>
        <dgm:layoutNode name="textparent_7">
          <dgm:choose name="Name79">
            <dgm:if name="Name80" func="var" arg="dir" op="equ" val="norm">
              <dgm:alg type="lin">
                <dgm:param type="horzAlign" val="l"/>
              </dgm:alg>
            </dgm:if>
            <dgm:else name="Name81">
              <dgm:alg type="lin">
                <dgm:param type="horzAlign" val="r"/>
              </dgm:alg>
            </dgm:else>
          </dgm:choose>
          <dgm:shape xmlns:r="http://schemas.openxmlformats.org/officeDocument/2006/relationships" type="rect" r:blip="" hideGeom="1">
            <dgm:adjLst/>
          </dgm:shape>
          <dgm:constrLst>
            <dgm:constr type="userW" for="ch" forName="text_7" refType="w"/>
            <dgm:constr type="h" for="ch" forName="text_7" refType="h"/>
          </dgm:constrLst>
          <dgm:presOf/>
          <dgm:layoutNode name="text_7" styleLbl="revTx">
            <dgm:varLst>
              <dgm:bulletEnabled val="1"/>
            </dgm:varLst>
            <dgm:choose name="Name82">
              <dgm:if name="Name83" func="var" arg="dir" op="equ" val="norm">
                <dgm:alg type="tx">
                  <dgm:param type="parTxLTRAlign" val="l"/>
                  <dgm:param type="shpTxLTRAlignCh" val="l"/>
                  <dgm:param type="parTxRTLAlign" val="r"/>
                  <dgm:param type="shpTxRTLAlignCh" val="r"/>
                </dgm:alg>
              </dgm:if>
              <dgm:else name="Name84">
                <dgm:alg type="tx">
                  <dgm:param type="parTxLTRAlign" val="r"/>
                  <dgm:param type="shpTxLTRAlignCh" val="r"/>
                  <dgm:param type="parTxRTLAlign" val="r"/>
                  <dgm:param type="shpTxRTLAlignCh" val="r"/>
                </dgm:alg>
              </dgm:else>
            </dgm:choose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userW"/>
              <dgm:constr type="w" refType="userW" fact="0.1"/>
              <dgm:constr type="lMarg" refType="primFontSz" fact="0.3"/>
              <dgm:constr type="rMarg" refType="primFontSz" fact="0.3"/>
              <dgm:constr type="tMarg"/>
              <dgm:constr type="bMarg"/>
            </dgm:constrLst>
            <dgm:ruleLst>
              <dgm:rule type="w" val="NaN" fact="1" max="NaN"/>
              <dgm:rule type="primFontSz" val="5" fact="NaN" max="NaN"/>
            </dgm:ruleLst>
          </dgm:layoutNode>
        </dgm:layoutNode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20F499D-9592-6C40-8B1E-B6793B2B81B7}" type="datetimeFigureOut">
              <a:rPr lang="de-DE" smtClean="0"/>
              <a:pPr/>
              <a:t>15.12.2023</a:t>
            </a:fld>
            <a:endParaRPr lang="de-DE"/>
          </a:p>
        </p:txBody>
      </p:sp>
      <p:sp>
        <p:nvSpPr>
          <p:cNvPr id="4" name="Fußzeilenplatzhalt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5" name="Foliennummernplatzhalt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27507D3-E97E-BF4A-841F-4306827097F7}" type="slidenum">
              <a:rPr lang="de-DE" smtClean="0"/>
              <a:pPr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607885020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AA6AADE-934C-8243-A502-3A0DD498B83A}" type="datetimeFigureOut">
              <a:rPr lang="de-DE" smtClean="0"/>
              <a:pPr/>
              <a:t>15.12.2023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/>
              <a:t>Mastertextformat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4958C82-1522-084C-9BFE-841733B9AF15}" type="slidenum">
              <a:rPr lang="de-DE" smtClean="0"/>
              <a:pPr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989405840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64869062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5876614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62924782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44687273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222955104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824679383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73935531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51423380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1003446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14401239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688920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20450387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08265984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0508048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74264499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19382518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30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220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Folgesei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el 1"/>
          <p:cNvSpPr>
            <a:spLocks noGrp="1"/>
          </p:cNvSpPr>
          <p:nvPr>
            <p:ph type="title" hasCustomPrompt="1"/>
          </p:nvPr>
        </p:nvSpPr>
        <p:spPr>
          <a:xfrm>
            <a:off x="457200" y="1447800"/>
            <a:ext cx="4267200" cy="990600"/>
          </a:xfrm>
          <a:prstGeom prst="rect">
            <a:avLst/>
          </a:prstGeom>
        </p:spPr>
        <p:txBody>
          <a:bodyPr lIns="0" tIns="0" rIns="0" bIns="0"/>
          <a:lstStyle>
            <a:lvl1pPr algn="l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defRPr sz="22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Hauptüberschrift Inhalt</a:t>
            </a:r>
            <a:br>
              <a:rPr lang="de-DE" dirty="0"/>
            </a:br>
            <a:r>
              <a:rPr lang="de-DE" dirty="0"/>
              <a:t>auch zweizeilig</a:t>
            </a:r>
          </a:p>
        </p:txBody>
      </p:sp>
      <p:sp>
        <p:nvSpPr>
          <p:cNvPr id="10" name="Textplatzhalter 5"/>
          <p:cNvSpPr>
            <a:spLocks noGrp="1"/>
          </p:cNvSpPr>
          <p:nvPr>
            <p:ph idx="1" hasCustomPrompt="1"/>
          </p:nvPr>
        </p:nvSpPr>
        <p:spPr>
          <a:xfrm>
            <a:off x="457200" y="2438400"/>
            <a:ext cx="4267200" cy="3124200"/>
          </a:xfrm>
          <a:prstGeom prst="rect">
            <a:avLst/>
          </a:prstGeom>
        </p:spPr>
        <p:txBody>
          <a:bodyPr vert="horz" lIns="0" tIns="0" rIns="0" bIns="0" rtlCol="0">
            <a:norm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 sz="1800" b="0" i="0" baseline="0">
                <a:latin typeface="Frutiger CE 55 Roman"/>
                <a:cs typeface="Frutiger CE 55 Roman"/>
              </a:defRPr>
            </a:lvl1pPr>
          </a:lstStyle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/>
            </a:pPr>
            <a:r>
              <a:rPr lang="de-DE" dirty="0"/>
              <a:t> Inhalt Aufzählung</a:t>
            </a:r>
          </a:p>
          <a:p>
            <a:pPr lvl="0"/>
            <a:endParaRPr lang="de-DE" dirty="0"/>
          </a:p>
        </p:txBody>
      </p:sp>
      <p:sp>
        <p:nvSpPr>
          <p:cNvPr id="14" name="Bildplatzhalter 13"/>
          <p:cNvSpPr>
            <a:spLocks noGrp="1"/>
          </p:cNvSpPr>
          <p:nvPr>
            <p:ph type="pic" sz="quarter" idx="12"/>
          </p:nvPr>
        </p:nvSpPr>
        <p:spPr>
          <a:xfrm>
            <a:off x="5105400" y="1447800"/>
            <a:ext cx="3581400" cy="3962400"/>
          </a:xfrm>
          <a:prstGeom prst="rect">
            <a:avLst/>
          </a:prstGeom>
        </p:spPr>
        <p:txBody>
          <a:bodyPr vert="horz" lIns="0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2000" b="0" i="0">
                <a:latin typeface="Frutiger CE 45 Light"/>
                <a:cs typeface="Frutiger CE 45 Light"/>
              </a:defRPr>
            </a:lvl1pPr>
          </a:lstStyle>
          <a:p>
            <a:endParaRPr lang="de-DE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enutzerdefinierte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platzhalter 5"/>
          <p:cNvSpPr>
            <a:spLocks noGrp="1"/>
          </p:cNvSpPr>
          <p:nvPr>
            <p:ph idx="12" hasCustomPrompt="1"/>
          </p:nvPr>
        </p:nvSpPr>
        <p:spPr>
          <a:xfrm>
            <a:off x="4724400" y="2438400"/>
            <a:ext cx="4267200" cy="3124200"/>
          </a:xfrm>
          <a:prstGeom prst="rect">
            <a:avLst/>
          </a:prstGeom>
        </p:spPr>
        <p:txBody>
          <a:bodyPr vert="horz" lIns="0" tIns="0" rIns="0" bIns="0" rtlCol="0">
            <a:norm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 sz="1800" b="0" i="0" baseline="0">
                <a:latin typeface="Frutiger CE 55 Roman"/>
                <a:cs typeface="Frutiger CE 55 Roman"/>
              </a:defRPr>
            </a:lvl1pPr>
          </a:lstStyle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/>
            </a:pPr>
            <a:r>
              <a:rPr lang="de-DE" dirty="0"/>
              <a:t> Inhalt Aufzählung</a:t>
            </a:r>
          </a:p>
          <a:p>
            <a:pPr lvl="0"/>
            <a:endParaRPr lang="de-DE" dirty="0"/>
          </a:p>
        </p:txBody>
      </p:sp>
      <p:sp>
        <p:nvSpPr>
          <p:cNvPr id="8" name="Titel 1"/>
          <p:cNvSpPr>
            <a:spLocks noGrp="1"/>
          </p:cNvSpPr>
          <p:nvPr>
            <p:ph type="title" hasCustomPrompt="1"/>
          </p:nvPr>
        </p:nvSpPr>
        <p:spPr>
          <a:xfrm>
            <a:off x="457200" y="1447800"/>
            <a:ext cx="6553200" cy="609600"/>
          </a:xfrm>
          <a:prstGeom prst="rect">
            <a:avLst/>
          </a:prstGeom>
        </p:spPr>
        <p:txBody>
          <a:bodyPr lIns="0" tIns="0" rIns="0" bIns="0"/>
          <a:lstStyle>
            <a:lvl1pPr algn="l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defRPr sz="22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Hauptüberschrift Inhalt</a:t>
            </a:r>
          </a:p>
        </p:txBody>
      </p:sp>
      <p:sp>
        <p:nvSpPr>
          <p:cNvPr id="13" name="Inhaltsplatzhalter 4"/>
          <p:cNvSpPr>
            <a:spLocks noGrp="1"/>
          </p:cNvSpPr>
          <p:nvPr>
            <p:ph idx="1" hasCustomPrompt="1"/>
          </p:nvPr>
        </p:nvSpPr>
        <p:spPr>
          <a:xfrm>
            <a:off x="323528" y="2438400"/>
            <a:ext cx="4267200" cy="3124200"/>
          </a:xfrm>
          <a:prstGeom prst="rect">
            <a:avLst/>
          </a:prstGeom>
        </p:spPr>
        <p:txBody>
          <a:bodyPr>
            <a:noAutofit/>
          </a:bodyPr>
          <a:lstStyle>
            <a:lvl1pPr marL="0" indent="0">
              <a:buNone/>
              <a:defRPr sz="1800"/>
            </a:lvl1pPr>
          </a:lstStyle>
          <a:p>
            <a:r>
              <a:rPr lang="de-DE" dirty="0"/>
              <a:t>Zeile 1</a:t>
            </a:r>
          </a:p>
          <a:p>
            <a:r>
              <a:rPr lang="de-DE" dirty="0"/>
              <a:t>Zeile 2</a:t>
            </a:r>
          </a:p>
          <a:p>
            <a:r>
              <a:rPr lang="de-DE" dirty="0"/>
              <a:t>Zeile 3</a:t>
            </a:r>
          </a:p>
          <a:p>
            <a:r>
              <a:rPr lang="de-DE" dirty="0"/>
              <a:t>Zeile 4</a:t>
            </a:r>
          </a:p>
          <a:p>
            <a:r>
              <a:rPr lang="de-DE" dirty="0"/>
              <a:t>Zeile 5</a:t>
            </a:r>
          </a:p>
          <a:p>
            <a:r>
              <a:rPr lang="de-DE" dirty="0"/>
              <a:t>Zeile 6</a:t>
            </a:r>
          </a:p>
          <a:p>
            <a:r>
              <a:rPr lang="de-DE" dirty="0"/>
              <a:t> Zeile 7</a:t>
            </a:r>
          </a:p>
          <a:p>
            <a:endParaRPr lang="de-DE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enutzerdefinierte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platzhalter 5"/>
          <p:cNvSpPr>
            <a:spLocks noGrp="1"/>
          </p:cNvSpPr>
          <p:nvPr>
            <p:ph idx="12" hasCustomPrompt="1"/>
          </p:nvPr>
        </p:nvSpPr>
        <p:spPr>
          <a:xfrm>
            <a:off x="457200" y="2438400"/>
            <a:ext cx="8229600" cy="3505200"/>
          </a:xfrm>
          <a:prstGeom prst="rect">
            <a:avLst/>
          </a:prstGeom>
        </p:spPr>
        <p:txBody>
          <a:bodyPr vert="horz" lIns="0" tIns="0" rIns="0" bIns="0" rtlCol="0" anchor="ctr">
            <a:normAutofit/>
          </a:bodyPr>
          <a:lstStyle>
            <a:lvl1pPr marL="0" marR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Symbol" charset="2"/>
              <a:buNone/>
              <a:tabLst/>
              <a:defRPr sz="1800" b="0" i="0" baseline="0">
                <a:latin typeface="Frutiger CE 45 Light"/>
                <a:cs typeface="Frutiger CE 45 Light"/>
              </a:defRPr>
            </a:lvl1pPr>
          </a:lstStyle>
          <a:p>
            <a:pPr lvl="0"/>
            <a:r>
              <a:rPr lang="de-DE" dirty="0"/>
              <a:t>Grafik bzw. Tabelle einfügen</a:t>
            </a: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g"/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4.xml"/><Relationship Id="rId2" Type="http://schemas.openxmlformats.org/officeDocument/2006/relationships/slideLayout" Target="../slideLayouts/slideLayout3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.jpg"/><Relationship Id="rId4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Grafik 1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43808" y="5373216"/>
            <a:ext cx="3504410" cy="7200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</p:sldLayoutIdLst>
  <p:hf hdr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8" name="Gerade Verbindung 7"/>
          <p:cNvCxnSpPr/>
          <p:nvPr userDrawn="1"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itel 1"/>
          <p:cNvSpPr txBox="1">
            <a:spLocks/>
          </p:cNvSpPr>
          <p:nvPr userDrawn="1"/>
        </p:nvSpPr>
        <p:spPr>
          <a:xfrm>
            <a:off x="457200" y="304800"/>
            <a:ext cx="5562600" cy="304800"/>
          </a:xfrm>
          <a:prstGeom prst="rect">
            <a:avLst/>
          </a:prstGeom>
        </p:spPr>
        <p:txBody>
          <a:bodyPr lIns="0" tIns="0" rIns="0" bIns="0" anchor="ctr"/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de-DE" sz="12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Frutiger CE 55 Roman"/>
                <a:ea typeface="+mj-ea"/>
                <a:cs typeface="Frutiger CE 55 Roman"/>
              </a:rPr>
              <a:t>Brennen und Löschen</a:t>
            </a:r>
          </a:p>
        </p:txBody>
      </p:sp>
      <p:cxnSp>
        <p:nvCxnSpPr>
          <p:cNvPr id="12" name="Gerade Verbindung 11"/>
          <p:cNvCxnSpPr/>
          <p:nvPr userDrawn="1"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Grafik 1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  <p:sp>
        <p:nvSpPr>
          <p:cNvPr id="9" name="Textfeld 8">
            <a:extLst>
              <a:ext uri="{FF2B5EF4-FFF2-40B4-BE49-F238E27FC236}">
                <a16:creationId xmlns:a16="http://schemas.microsoft.com/office/drawing/2014/main" id="{31903528-1465-4445-B6FC-333AF545FCF2}"/>
              </a:ext>
            </a:extLst>
          </p:cNvPr>
          <p:cNvSpPr txBox="1"/>
          <p:nvPr userDrawn="1"/>
        </p:nvSpPr>
        <p:spPr>
          <a:xfrm>
            <a:off x="457200" y="6290712"/>
            <a:ext cx="514400" cy="400110"/>
          </a:xfrm>
          <a:prstGeom prst="rect">
            <a:avLst/>
          </a:prstGeom>
        </p:spPr>
        <p:txBody>
          <a:bodyPr lIns="0" tIns="0" rIns="0" bIns="0" anchor="ctr"/>
          <a:lstStyle>
            <a:defPPr>
              <a:defRPr lang="de-DE"/>
            </a:defPPr>
            <a:lvl1pPr marR="0" lvl="0" indent="0" fontAlgn="auto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000" b="0" i="0" u="none" strike="noStrike" cap="none" spc="0" normalizeH="0" baseline="0">
                <a:ln>
                  <a:noFill/>
                </a:ln>
                <a:effectLst/>
                <a:uLnTx/>
                <a:uFillTx/>
                <a:latin typeface="Frutiger CE 55 Roman"/>
                <a:ea typeface="+mj-ea"/>
                <a:cs typeface="Frutiger CE 55 Roman"/>
              </a:defRPr>
            </a:lvl1pPr>
          </a:lstStyle>
          <a:p>
            <a:pPr lvl="0"/>
            <a:r>
              <a:rPr lang="de-DE" dirty="0"/>
              <a:t>Version</a:t>
            </a:r>
          </a:p>
          <a:p>
            <a:pPr lvl="0"/>
            <a:r>
              <a:rPr lang="de-DE" dirty="0"/>
              <a:t>1.0</a:t>
            </a:r>
          </a:p>
        </p:txBody>
      </p:sp>
      <p:sp>
        <p:nvSpPr>
          <p:cNvPr id="14" name="Textfeld 13">
            <a:extLst>
              <a:ext uri="{FF2B5EF4-FFF2-40B4-BE49-F238E27FC236}">
                <a16:creationId xmlns:a16="http://schemas.microsoft.com/office/drawing/2014/main" id="{A4DA3872-53D3-4A12-8D07-A546DD34FDAD}"/>
              </a:ext>
            </a:extLst>
          </p:cNvPr>
          <p:cNvSpPr txBox="1"/>
          <p:nvPr userDrawn="1"/>
        </p:nvSpPr>
        <p:spPr>
          <a:xfrm>
            <a:off x="7380312" y="6299172"/>
            <a:ext cx="1296144" cy="400110"/>
          </a:xfrm>
          <a:prstGeom prst="rect">
            <a:avLst/>
          </a:prstGeom>
        </p:spPr>
        <p:txBody>
          <a:bodyPr lIns="0" tIns="0" rIns="0" bIns="0" anchor="ctr"/>
          <a:lstStyle>
            <a:defPPr>
              <a:defRPr lang="de-DE"/>
            </a:defPPr>
            <a:lvl1pPr marR="0" lvl="0" indent="0" fontAlgn="auto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 kumimoji="0" sz="1000" b="0" i="0" u="none" strike="noStrike" cap="none" spc="0" normalizeH="0" baseline="0">
                <a:ln>
                  <a:noFill/>
                </a:ln>
                <a:effectLst/>
                <a:uLnTx/>
                <a:uFillTx/>
                <a:latin typeface="Frutiger CE 55 Roman"/>
                <a:ea typeface="+mj-ea"/>
                <a:cs typeface="Frutiger CE 55 Roman"/>
              </a:defRPr>
            </a:lvl1pPr>
          </a:lstStyle>
          <a:p>
            <a:pPr lvl="0" algn="r"/>
            <a:r>
              <a:rPr lang="de-DE" dirty="0"/>
              <a:t>Basis 2.0</a:t>
            </a:r>
          </a:p>
          <a:p>
            <a:pPr lvl="0" algn="r"/>
            <a:r>
              <a:rPr lang="de-DE" dirty="0"/>
              <a:t>Folie </a:t>
            </a:r>
            <a:fld id="{59ED276B-A295-4011-9DF3-F49D7DE79DFE}" type="slidenum">
              <a:rPr lang="de-DE" smtClean="0"/>
              <a:t>‹Nr.›</a:t>
            </a:fld>
            <a:endParaRPr lang="de-DE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8" r:id="rId1"/>
    <p:sldLayoutId id="2147483679" r:id="rId2"/>
    <p:sldLayoutId id="2147483680" r:id="rId3"/>
  </p:sldLayoutIdLst>
  <p:hf hdr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2.jp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4" Type="http://schemas.openxmlformats.org/officeDocument/2006/relationships/image" Target="../media/image14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2.xml"/><Relationship Id="rId4" Type="http://schemas.openxmlformats.org/officeDocument/2006/relationships/image" Target="../media/image14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3.xml"/><Relationship Id="rId4" Type="http://schemas.openxmlformats.org/officeDocument/2006/relationships/image" Target="../media/image15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4.xml"/><Relationship Id="rId4" Type="http://schemas.openxmlformats.org/officeDocument/2006/relationships/image" Target="../media/image16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Relationship Id="rId4" Type="http://schemas.openxmlformats.org/officeDocument/2006/relationships/image" Target="../media/image17.em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Relationship Id="rId4" Type="http://schemas.openxmlformats.org/officeDocument/2006/relationships/image" Target="../media/image18.em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7.xml"/><Relationship Id="rId4" Type="http://schemas.openxmlformats.org/officeDocument/2006/relationships/image" Target="../media/image19.jp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3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microsoft.com/office/2007/relationships/hdphoto" Target="../media/hdphoto5.wdp"/><Relationship Id="rId3" Type="http://schemas.openxmlformats.org/officeDocument/2006/relationships/notesSlide" Target="../notesSlides/notesSlide4.xml"/><Relationship Id="rId7" Type="http://schemas.microsoft.com/office/2007/relationships/hdphoto" Target="../media/hdphoto2.wdp"/><Relationship Id="rId12" Type="http://schemas.openxmlformats.org/officeDocument/2006/relationships/image" Target="../media/image7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image" Target="../media/image4.png"/><Relationship Id="rId11" Type="http://schemas.microsoft.com/office/2007/relationships/hdphoto" Target="../media/hdphoto4.wdp"/><Relationship Id="rId5" Type="http://schemas.microsoft.com/office/2007/relationships/hdphoto" Target="../media/hdphoto1.wdp"/><Relationship Id="rId10" Type="http://schemas.openxmlformats.org/officeDocument/2006/relationships/image" Target="../media/image6.png"/><Relationship Id="rId4" Type="http://schemas.openxmlformats.org/officeDocument/2006/relationships/image" Target="../media/image3.png"/><Relationship Id="rId9" Type="http://schemas.microsoft.com/office/2007/relationships/hdphoto" Target="../media/hdphoto3.wdp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13" Type="http://schemas.microsoft.com/office/2007/relationships/hdphoto" Target="../media/hdphoto5.wdp"/><Relationship Id="rId3" Type="http://schemas.openxmlformats.org/officeDocument/2006/relationships/notesSlide" Target="../notesSlides/notesSlide5.xml"/><Relationship Id="rId7" Type="http://schemas.microsoft.com/office/2007/relationships/hdphoto" Target="../media/hdphoto2.wdp"/><Relationship Id="rId12" Type="http://schemas.openxmlformats.org/officeDocument/2006/relationships/image" Target="../media/image7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image" Target="../media/image4.png"/><Relationship Id="rId11" Type="http://schemas.microsoft.com/office/2007/relationships/hdphoto" Target="../media/hdphoto4.wdp"/><Relationship Id="rId5" Type="http://schemas.microsoft.com/office/2007/relationships/hdphoto" Target="../media/hdphoto1.wdp"/><Relationship Id="rId10" Type="http://schemas.openxmlformats.org/officeDocument/2006/relationships/image" Target="../media/image6.png"/><Relationship Id="rId4" Type="http://schemas.openxmlformats.org/officeDocument/2006/relationships/image" Target="../media/image3.png"/><Relationship Id="rId9" Type="http://schemas.microsoft.com/office/2007/relationships/hdphoto" Target="../media/hdphoto3.wdp"/></Relationships>
</file>

<file path=ppt/slides/_rels/slide6.xml.rels><?xml version="1.0" encoding="UTF-8" standalone="yes"?>
<Relationships xmlns="http://schemas.openxmlformats.org/package/2006/relationships"><Relationship Id="rId8" Type="http://schemas.microsoft.com/office/2007/relationships/diagramDrawing" Target="../diagrams/drawing2.xml"/><Relationship Id="rId13" Type="http://schemas.openxmlformats.org/officeDocument/2006/relationships/image" Target="../media/image5.png"/><Relationship Id="rId18" Type="http://schemas.microsoft.com/office/2007/relationships/hdphoto" Target="../media/hdphoto5.wdp"/><Relationship Id="rId3" Type="http://schemas.openxmlformats.org/officeDocument/2006/relationships/notesSlide" Target="../notesSlides/notesSlide6.xml"/><Relationship Id="rId7" Type="http://schemas.openxmlformats.org/officeDocument/2006/relationships/diagramColors" Target="../diagrams/colors2.xml"/><Relationship Id="rId12" Type="http://schemas.microsoft.com/office/2007/relationships/hdphoto" Target="../media/hdphoto2.wdp"/><Relationship Id="rId17" Type="http://schemas.openxmlformats.org/officeDocument/2006/relationships/image" Target="../media/image7.png"/><Relationship Id="rId2" Type="http://schemas.openxmlformats.org/officeDocument/2006/relationships/slideLayout" Target="../slideLayouts/slideLayout4.xml"/><Relationship Id="rId16" Type="http://schemas.microsoft.com/office/2007/relationships/hdphoto" Target="../media/hdphoto4.wdp"/><Relationship Id="rId1" Type="http://schemas.openxmlformats.org/officeDocument/2006/relationships/tags" Target="../tags/tag7.xml"/><Relationship Id="rId6" Type="http://schemas.openxmlformats.org/officeDocument/2006/relationships/diagramQuickStyle" Target="../diagrams/quickStyle2.xml"/><Relationship Id="rId11" Type="http://schemas.openxmlformats.org/officeDocument/2006/relationships/image" Target="../media/image4.png"/><Relationship Id="rId5" Type="http://schemas.openxmlformats.org/officeDocument/2006/relationships/diagramLayout" Target="../diagrams/layout2.xml"/><Relationship Id="rId15" Type="http://schemas.openxmlformats.org/officeDocument/2006/relationships/image" Target="../media/image6.png"/><Relationship Id="rId10" Type="http://schemas.microsoft.com/office/2007/relationships/hdphoto" Target="../media/hdphoto1.wdp"/><Relationship Id="rId4" Type="http://schemas.openxmlformats.org/officeDocument/2006/relationships/diagramData" Target="../diagrams/data2.xml"/><Relationship Id="rId9" Type="http://schemas.openxmlformats.org/officeDocument/2006/relationships/image" Target="../media/image3.png"/><Relationship Id="rId14" Type="http://schemas.microsoft.com/office/2007/relationships/hdphoto" Target="../media/hdphoto3.wdp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4" Type="http://schemas.openxmlformats.org/officeDocument/2006/relationships/image" Target="../media/image8.jp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9.xml"/><Relationship Id="rId4" Type="http://schemas.openxmlformats.org/officeDocument/2006/relationships/image" Target="../media/image8.jp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3600000" y="3068960"/>
            <a:ext cx="4191000" cy="1447800"/>
          </a:xfrm>
        </p:spPr>
        <p:txBody>
          <a:bodyPr/>
          <a:lstStyle/>
          <a:p>
            <a:r>
              <a:rPr lang="de-DE" b="1" dirty="0"/>
              <a:t>Brennen und Löschen</a:t>
            </a:r>
            <a:br>
              <a:rPr lang="de-DE" dirty="0"/>
            </a:br>
            <a:r>
              <a:rPr lang="de-DE" sz="2400" dirty="0"/>
              <a:t>Modulare Grundlagenausbildung</a:t>
            </a:r>
            <a:endParaRPr lang="de-DE" dirty="0"/>
          </a:p>
        </p:txBody>
      </p:sp>
      <p:pic>
        <p:nvPicPr>
          <p:cNvPr id="5" name="Bildplatzhalter 4">
            <a:extLst>
              <a:ext uri="{FF2B5EF4-FFF2-40B4-BE49-F238E27FC236}">
                <a16:creationId xmlns:a16="http://schemas.microsoft.com/office/drawing/2014/main" id="{427296D2-7CAD-44D9-A5D8-ACA3349D7D2F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>
          <a:blip r:embed="rId4"/>
          <a:srcRect t="24800" b="24800"/>
          <a:stretch>
            <a:fillRect/>
          </a:stretch>
        </p:blipFill>
        <p:spPr>
          <a:xfrm>
            <a:off x="0" y="0"/>
            <a:ext cx="9144000" cy="2349500"/>
          </a:xfrm>
        </p:spPr>
      </p:pic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20688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 Schaum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0" y="1547356"/>
            <a:ext cx="4694869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Zusammensetzung</a:t>
            </a:r>
          </a:p>
          <a:p>
            <a:pPr marL="800100" lvl="1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Wasser</a:t>
            </a:r>
          </a:p>
          <a:p>
            <a:pPr marL="800100" lvl="1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Schaummittel</a:t>
            </a:r>
          </a:p>
          <a:p>
            <a:pPr marL="800100" lvl="1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Luft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lektrisch leitend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Leichter als Wasser und alle dampfbildenden brennbaren Flüssigkeit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Schaumeinteil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chwerschaum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Mittelschaum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Leichtschaum</a:t>
            </a:r>
          </a:p>
        </p:txBody>
      </p:sp>
      <p:pic>
        <p:nvPicPr>
          <p:cNvPr id="7" name="Grafik 6">
            <a:extLst>
              <a:ext uri="{FF2B5EF4-FFF2-40B4-BE49-F238E27FC236}">
                <a16:creationId xmlns:a16="http://schemas.microsoft.com/office/drawing/2014/main" id="{61D34A1F-D039-40EF-9D4D-3214F44FE60A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44107" r="9255"/>
          <a:stretch/>
        </p:blipFill>
        <p:spPr>
          <a:xfrm>
            <a:off x="457200" y="1526151"/>
            <a:ext cx="3034680" cy="43204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2429221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20688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 Schaum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1" y="1639676"/>
            <a:ext cx="4694869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uerlösche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chaumstrahlrohr und </a:t>
            </a:r>
            <a:r>
              <a:rPr lang="de-DE" sz="2000" dirty="0" err="1">
                <a:latin typeface="Frutiger CE 55 Roman"/>
              </a:rPr>
              <a:t>Zumischer</a:t>
            </a:r>
            <a:endParaRPr lang="de-DE" sz="2000" dirty="0">
              <a:latin typeface="Frutiger CE 55 Roman"/>
            </a:endParaRP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ahrzeuge mit Druckluftschaumanlage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chaumwerfe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Leichtschaumgeneratoren</a:t>
            </a:r>
            <a:endParaRPr lang="de-DE" sz="2000" b="1" dirty="0">
              <a:solidFill>
                <a:srgbClr val="E50C37"/>
              </a:solidFill>
              <a:latin typeface="Frutiger CE 55 Roman"/>
            </a:endParaRP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rstick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Zusätzlich Abkühl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n B, A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C5CC3D7F-C686-4F39-8202-8B8E8E1579B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44107" r="9255"/>
          <a:stretch/>
        </p:blipFill>
        <p:spPr>
          <a:xfrm>
            <a:off x="457200" y="1526151"/>
            <a:ext cx="3034680" cy="432047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0889822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84351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ABC-/BC-Löschpulver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4002783" y="1716077"/>
            <a:ext cx="4694869" cy="39395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in gemahlenes Pulve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C-Pulver elektrisch nicht leitend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uerlösche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Ortsfeste Löschanla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chlagartig eintretender Löscheffekt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rstickende Wirkung Brandklasse A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n (A), B, C</a:t>
            </a: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1FD2078E-4F3C-459B-8E68-9DDB7A852B7A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36264" r="13485"/>
          <a:stretch/>
        </p:blipFill>
        <p:spPr>
          <a:xfrm>
            <a:off x="457201" y="1502844"/>
            <a:ext cx="3178696" cy="4366005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96253298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9269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D-Löschpulver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0" y="1385246"/>
            <a:ext cx="4694869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in gemahlenes Pulver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uerlösche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Ortsfeste Löschanla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rsticken durch Abdeck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des brennenden Metalls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 D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hinweis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Wird fast drucklos aufgebracht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C5CC3D7F-C686-4F39-8202-8B8E8E1579B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b="369"/>
          <a:stretch/>
        </p:blipFill>
        <p:spPr>
          <a:xfrm>
            <a:off x="899592" y="1844824"/>
            <a:ext cx="2467889" cy="3600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88770758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704191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Kohlendioxid (CO</a:t>
            </a:r>
            <a:r>
              <a:rPr lang="de-DE" b="1" baseline="-250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2</a:t>
            </a:r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)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0" y="1385246"/>
            <a:ext cx="4694869" cy="455509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Lebensgefahr, </a:t>
            </a:r>
            <a:r>
              <a:rPr lang="de-DE" sz="2000" dirty="0" err="1">
                <a:latin typeface="Frutiger CE 55 Roman"/>
              </a:rPr>
              <a:t>Atemgift</a:t>
            </a:r>
            <a:endParaRPr lang="de-DE" sz="2000" dirty="0">
              <a:latin typeface="Frutiger CE 55 Roman"/>
            </a:endParaRP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Niedrige Austrittstemperatur (-70° C)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Geruchloses, farbloses Gas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ei Normaltemperatur schwerer als Luft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lektrisch nicht leitend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Feuerlöscher mit Düsen/Schneerohr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Ortsfeste Löschanla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rsticken durch Verdrän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 B, C</a:t>
            </a:r>
          </a:p>
        </p:txBody>
      </p:sp>
      <p:pic>
        <p:nvPicPr>
          <p:cNvPr id="3" name="Grafik 2">
            <a:extLst>
              <a:ext uri="{FF2B5EF4-FFF2-40B4-BE49-F238E27FC236}">
                <a16:creationId xmlns:a16="http://schemas.microsoft.com/office/drawing/2014/main" id="{5658969E-5D94-4555-9A9F-98624CC75AD3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8449" r="12863"/>
          <a:stretch/>
        </p:blipFill>
        <p:spPr>
          <a:xfrm>
            <a:off x="457200" y="1555913"/>
            <a:ext cx="3178696" cy="429309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4054443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70488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 für Fettbrände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0" y="1911751"/>
            <a:ext cx="4694869" cy="36317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Wässrige Lösung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pezielle tragbare Feuerlöscher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rsticke Wirkung</a:t>
            </a:r>
          </a:p>
          <a:p>
            <a:pPr marL="800100" lvl="1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Verseifen des heißen Fetts bzw. Öls</a:t>
            </a:r>
          </a:p>
          <a:p>
            <a:pPr marL="800100" lvl="1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Sperrschicht auf dem Öl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 F</a:t>
            </a:r>
          </a:p>
        </p:txBody>
      </p:sp>
      <p:pic>
        <p:nvPicPr>
          <p:cNvPr id="4" name="Grafik 3">
            <a:extLst>
              <a:ext uri="{FF2B5EF4-FFF2-40B4-BE49-F238E27FC236}">
                <a16:creationId xmlns:a16="http://schemas.microsoft.com/office/drawing/2014/main" id="{C258B158-5944-49CB-935D-BFE471B2B385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11560" y="2060848"/>
            <a:ext cx="2870761" cy="333357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5009898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457200" y="105273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Zusammenfassung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FF7291A0-26D2-4646-9357-A0BB50E80C0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57200" y="1689922"/>
            <a:ext cx="8096250" cy="40005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11914228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" name="Gruppieren 7">
            <a:extLst>
              <a:ext uri="{FF2B5EF4-FFF2-40B4-BE49-F238E27FC236}">
                <a16:creationId xmlns:a16="http://schemas.microsoft.com/office/drawing/2014/main" id="{D16B6D8C-91EF-41F7-9B2E-614F327CE6E7}"/>
              </a:ext>
            </a:extLst>
          </p:cNvPr>
          <p:cNvGrpSpPr/>
          <p:nvPr/>
        </p:nvGrpSpPr>
        <p:grpSpPr>
          <a:xfrm>
            <a:off x="2526182" y="1662336"/>
            <a:ext cx="4091637" cy="4040095"/>
            <a:chOff x="3755950" y="836712"/>
            <a:chExt cx="5064522" cy="5000725"/>
          </a:xfrm>
        </p:grpSpPr>
        <p:grpSp>
          <p:nvGrpSpPr>
            <p:cNvPr id="9" name="Gruppieren 8">
              <a:extLst>
                <a:ext uri="{FF2B5EF4-FFF2-40B4-BE49-F238E27FC236}">
                  <a16:creationId xmlns:a16="http://schemas.microsoft.com/office/drawing/2014/main" id="{A22389DE-A72B-49CD-B89F-A17B0C81E79B}"/>
                </a:ext>
              </a:extLst>
            </p:cNvPr>
            <p:cNvGrpSpPr/>
            <p:nvPr/>
          </p:nvGrpSpPr>
          <p:grpSpPr>
            <a:xfrm>
              <a:off x="3755950" y="836712"/>
              <a:ext cx="5064522" cy="5000725"/>
              <a:chOff x="2886511" y="2852936"/>
              <a:chExt cx="3293627" cy="3560565"/>
            </a:xfrm>
          </p:grpSpPr>
          <p:grpSp>
            <p:nvGrpSpPr>
              <p:cNvPr id="11" name="Group 4">
                <a:extLst>
                  <a:ext uri="{FF2B5EF4-FFF2-40B4-BE49-F238E27FC236}">
                    <a16:creationId xmlns:a16="http://schemas.microsoft.com/office/drawing/2014/main" id="{F69D321E-5B0E-4E0E-AA43-03025C1BE89B}"/>
                  </a:ext>
                </a:extLst>
              </p:cNvPr>
              <p:cNvGrpSpPr>
                <a:grpSpLocks/>
              </p:cNvGrpSpPr>
              <p:nvPr/>
            </p:nvGrpSpPr>
            <p:grpSpPr bwMode="auto">
              <a:xfrm>
                <a:off x="2890138" y="5982987"/>
                <a:ext cx="3290000" cy="430514"/>
                <a:chOff x="1082" y="3608"/>
                <a:chExt cx="2075" cy="265"/>
              </a:xfrm>
            </p:grpSpPr>
            <p:sp>
              <p:nvSpPr>
                <p:cNvPr id="78" name="Freeform 5">
                  <a:extLst>
                    <a:ext uri="{FF2B5EF4-FFF2-40B4-BE49-F238E27FC236}">
                      <a16:creationId xmlns:a16="http://schemas.microsoft.com/office/drawing/2014/main" id="{E2C2F252-1FB0-44FD-9931-A8FEFB19D79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083" y="3613"/>
                  <a:ext cx="2072" cy="259"/>
                </a:xfrm>
                <a:custGeom>
                  <a:avLst/>
                  <a:gdLst>
                    <a:gd name="T0" fmla="*/ 0 w 4144"/>
                    <a:gd name="T1" fmla="*/ 0 h 518"/>
                    <a:gd name="T2" fmla="*/ 0 w 4144"/>
                    <a:gd name="T3" fmla="*/ 1 h 518"/>
                    <a:gd name="T4" fmla="*/ 1 w 4144"/>
                    <a:gd name="T5" fmla="*/ 1 h 518"/>
                    <a:gd name="T6" fmla="*/ 1 w 4144"/>
                    <a:gd name="T7" fmla="*/ 0 h 518"/>
                    <a:gd name="T8" fmla="*/ 0 w 4144"/>
                    <a:gd name="T9" fmla="*/ 0 h 518"/>
                    <a:gd name="T10" fmla="*/ 0 w 4144"/>
                    <a:gd name="T11" fmla="*/ 0 h 518"/>
                    <a:gd name="T12" fmla="*/ 0 60000 65536"/>
                    <a:gd name="T13" fmla="*/ 0 60000 65536"/>
                    <a:gd name="T14" fmla="*/ 0 60000 65536"/>
                    <a:gd name="T15" fmla="*/ 0 60000 65536"/>
                    <a:gd name="T16" fmla="*/ 0 60000 65536"/>
                    <a:gd name="T17" fmla="*/ 0 60000 65536"/>
                  </a:gdLst>
                  <a:ahLst/>
                  <a:cxnLst>
                    <a:cxn ang="T12">
                      <a:pos x="T0" y="T1"/>
                    </a:cxn>
                    <a:cxn ang="T13">
                      <a:pos x="T2" y="T3"/>
                    </a:cxn>
                    <a:cxn ang="T14">
                      <a:pos x="T4" y="T5"/>
                    </a:cxn>
                    <a:cxn ang="T15">
                      <a:pos x="T6" y="T7"/>
                    </a:cxn>
                    <a:cxn ang="T16">
                      <a:pos x="T8" y="T9"/>
                    </a:cxn>
                    <a:cxn ang="T17">
                      <a:pos x="T10" y="T11"/>
                    </a:cxn>
                  </a:cxnLst>
                  <a:rect l="0" t="0" r="r" b="b"/>
                  <a:pathLst>
                    <a:path w="4144" h="518">
                      <a:moveTo>
                        <a:pt x="0" y="0"/>
                      </a:moveTo>
                      <a:lnTo>
                        <a:pt x="0" y="518"/>
                      </a:lnTo>
                      <a:lnTo>
                        <a:pt x="4144" y="518"/>
                      </a:lnTo>
                      <a:lnTo>
                        <a:pt x="4144" y="0"/>
                      </a:lnTo>
                      <a:lnTo>
                        <a:pt x="0" y="0"/>
                      </a:lnTo>
                      <a:close/>
                    </a:path>
                  </a:pathLst>
                </a:custGeom>
                <a:solidFill>
                  <a:srgbClr val="99996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 dirty="0"/>
                </a:p>
              </p:txBody>
            </p:sp>
            <p:sp>
              <p:nvSpPr>
                <p:cNvPr id="79" name="Freeform 6">
                  <a:extLst>
                    <a:ext uri="{FF2B5EF4-FFF2-40B4-BE49-F238E27FC236}">
                      <a16:creationId xmlns:a16="http://schemas.microsoft.com/office/drawing/2014/main" id="{BE76F233-046E-4EC7-A4F8-9DB77BF4B71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083" y="3613"/>
                  <a:ext cx="2072" cy="259"/>
                </a:xfrm>
                <a:custGeom>
                  <a:avLst/>
                  <a:gdLst>
                    <a:gd name="T0" fmla="*/ 0 w 4144"/>
                    <a:gd name="T1" fmla="*/ 0 h 518"/>
                    <a:gd name="T2" fmla="*/ 0 w 4144"/>
                    <a:gd name="T3" fmla="*/ 1 h 518"/>
                    <a:gd name="T4" fmla="*/ 1 w 4144"/>
                    <a:gd name="T5" fmla="*/ 1 h 518"/>
                    <a:gd name="T6" fmla="*/ 1 w 4144"/>
                    <a:gd name="T7" fmla="*/ 0 h 518"/>
                    <a:gd name="T8" fmla="*/ 0 w 4144"/>
                    <a:gd name="T9" fmla="*/ 0 h 518"/>
                    <a:gd name="T10" fmla="*/ 0 w 4144"/>
                    <a:gd name="T11" fmla="*/ 0 h 518"/>
                    <a:gd name="T12" fmla="*/ 0 60000 65536"/>
                    <a:gd name="T13" fmla="*/ 0 60000 65536"/>
                    <a:gd name="T14" fmla="*/ 0 60000 65536"/>
                    <a:gd name="T15" fmla="*/ 0 60000 65536"/>
                    <a:gd name="T16" fmla="*/ 0 60000 65536"/>
                    <a:gd name="T17" fmla="*/ 0 60000 65536"/>
                  </a:gdLst>
                  <a:ahLst/>
                  <a:cxnLst>
                    <a:cxn ang="T12">
                      <a:pos x="T0" y="T1"/>
                    </a:cxn>
                    <a:cxn ang="T13">
                      <a:pos x="T2" y="T3"/>
                    </a:cxn>
                    <a:cxn ang="T14">
                      <a:pos x="T4" y="T5"/>
                    </a:cxn>
                    <a:cxn ang="T15">
                      <a:pos x="T6" y="T7"/>
                    </a:cxn>
                    <a:cxn ang="T16">
                      <a:pos x="T8" y="T9"/>
                    </a:cxn>
                    <a:cxn ang="T17">
                      <a:pos x="T10" y="T11"/>
                    </a:cxn>
                  </a:cxnLst>
                  <a:rect l="0" t="0" r="r" b="b"/>
                  <a:pathLst>
                    <a:path w="4144" h="518">
                      <a:moveTo>
                        <a:pt x="0" y="0"/>
                      </a:moveTo>
                      <a:lnTo>
                        <a:pt x="0" y="518"/>
                      </a:lnTo>
                      <a:lnTo>
                        <a:pt x="4144" y="518"/>
                      </a:lnTo>
                      <a:lnTo>
                        <a:pt x="4144" y="0"/>
                      </a:lnTo>
                      <a:lnTo>
                        <a:pt x="0" y="0"/>
                      </a:lnTo>
                    </a:path>
                  </a:pathLst>
                </a:custGeom>
                <a:noFill/>
                <a:ln w="3175">
                  <a:solidFill>
                    <a:srgbClr val="000000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0" name="Freeform 7">
                  <a:extLst>
                    <a:ext uri="{FF2B5EF4-FFF2-40B4-BE49-F238E27FC236}">
                      <a16:creationId xmlns:a16="http://schemas.microsoft.com/office/drawing/2014/main" id="{6B627D5D-DBF7-432B-A682-5F3439E9A27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082" y="3613"/>
                  <a:ext cx="2073" cy="260"/>
                </a:xfrm>
                <a:custGeom>
                  <a:avLst/>
                  <a:gdLst>
                    <a:gd name="T0" fmla="*/ 0 w 4148"/>
                    <a:gd name="T1" fmla="*/ 0 h 520"/>
                    <a:gd name="T2" fmla="*/ 0 w 4148"/>
                    <a:gd name="T3" fmla="*/ 0 h 520"/>
                    <a:gd name="T4" fmla="*/ 0 w 4148"/>
                    <a:gd name="T5" fmla="*/ 1 h 520"/>
                    <a:gd name="T6" fmla="*/ 0 w 4148"/>
                    <a:gd name="T7" fmla="*/ 1 h 520"/>
                    <a:gd name="T8" fmla="*/ 0 w 4148"/>
                    <a:gd name="T9" fmla="*/ 1 h 520"/>
                    <a:gd name="T10" fmla="*/ 0 w 4148"/>
                    <a:gd name="T11" fmla="*/ 1 h 520"/>
                    <a:gd name="T12" fmla="*/ 0 w 4148"/>
                    <a:gd name="T13" fmla="*/ 0 h 520"/>
                    <a:gd name="T14" fmla="*/ 0 60000 65536"/>
                    <a:gd name="T15" fmla="*/ 0 60000 65536"/>
                    <a:gd name="T16" fmla="*/ 0 60000 65536"/>
                    <a:gd name="T17" fmla="*/ 0 60000 65536"/>
                    <a:gd name="T18" fmla="*/ 0 60000 65536"/>
                    <a:gd name="T19" fmla="*/ 0 60000 65536"/>
                    <a:gd name="T20" fmla="*/ 0 60000 65536"/>
                  </a:gdLst>
                  <a:ahLst/>
                  <a:cxnLst>
                    <a:cxn ang="T14">
                      <a:pos x="T0" y="T1"/>
                    </a:cxn>
                    <a:cxn ang="T15">
                      <a:pos x="T2" y="T3"/>
                    </a:cxn>
                    <a:cxn ang="T16">
                      <a:pos x="T4" y="T5"/>
                    </a:cxn>
                    <a:cxn ang="T17">
                      <a:pos x="T6" y="T7"/>
                    </a:cxn>
                    <a:cxn ang="T18">
                      <a:pos x="T8" y="T9"/>
                    </a:cxn>
                    <a:cxn ang="T19">
                      <a:pos x="T10" y="T11"/>
                    </a:cxn>
                    <a:cxn ang="T20">
                      <a:pos x="T12" y="T13"/>
                    </a:cxn>
                  </a:cxnLst>
                  <a:rect l="0" t="0" r="r" b="b"/>
                  <a:pathLst>
                    <a:path w="4148" h="520">
                      <a:moveTo>
                        <a:pt x="5" y="0"/>
                      </a:moveTo>
                      <a:lnTo>
                        <a:pt x="0" y="0"/>
                      </a:lnTo>
                      <a:lnTo>
                        <a:pt x="0" y="519"/>
                      </a:lnTo>
                      <a:lnTo>
                        <a:pt x="4148" y="520"/>
                      </a:lnTo>
                      <a:lnTo>
                        <a:pt x="4146" y="516"/>
                      </a:lnTo>
                      <a:lnTo>
                        <a:pt x="5" y="517"/>
                      </a:lnTo>
                      <a:lnTo>
                        <a:pt x="5" y="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1" name="Freeform 8">
                  <a:extLst>
                    <a:ext uri="{FF2B5EF4-FFF2-40B4-BE49-F238E27FC236}">
                      <a16:creationId xmlns:a16="http://schemas.microsoft.com/office/drawing/2014/main" id="{BEA8CFE3-7159-4892-903C-DB7D533E942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082" y="3612"/>
                  <a:ext cx="2074" cy="261"/>
                </a:xfrm>
                <a:custGeom>
                  <a:avLst/>
                  <a:gdLst>
                    <a:gd name="T0" fmla="*/ 0 w 4149"/>
                    <a:gd name="T1" fmla="*/ 1 h 522"/>
                    <a:gd name="T2" fmla="*/ 0 w 4149"/>
                    <a:gd name="T3" fmla="*/ 1 h 522"/>
                    <a:gd name="T4" fmla="*/ 0 w 4149"/>
                    <a:gd name="T5" fmla="*/ 0 h 522"/>
                    <a:gd name="T6" fmla="*/ 0 w 4149"/>
                    <a:gd name="T7" fmla="*/ 1 h 522"/>
                    <a:gd name="T8" fmla="*/ 0 w 4149"/>
                    <a:gd name="T9" fmla="*/ 1 h 522"/>
                    <a:gd name="T10" fmla="*/ 0 w 4149"/>
                    <a:gd name="T11" fmla="*/ 1 h 522"/>
                    <a:gd name="T12" fmla="*/ 0 w 4149"/>
                    <a:gd name="T13" fmla="*/ 1 h 522"/>
                    <a:gd name="T14" fmla="*/ 0 w 4149"/>
                    <a:gd name="T15" fmla="*/ 1 h 522"/>
                    <a:gd name="T16" fmla="*/ 0 60000 65536"/>
                    <a:gd name="T17" fmla="*/ 0 60000 65536"/>
                    <a:gd name="T18" fmla="*/ 0 60000 65536"/>
                    <a:gd name="T19" fmla="*/ 0 60000 65536"/>
                    <a:gd name="T20" fmla="*/ 0 60000 65536"/>
                    <a:gd name="T21" fmla="*/ 0 60000 65536"/>
                    <a:gd name="T22" fmla="*/ 0 60000 65536"/>
                    <a:gd name="T23" fmla="*/ 0 60000 65536"/>
                  </a:gdLst>
                  <a:ahLst/>
                  <a:cxnLst>
                    <a:cxn ang="T16">
                      <a:pos x="T0" y="T1"/>
                    </a:cxn>
                    <a:cxn ang="T17">
                      <a:pos x="T2" y="T3"/>
                    </a:cxn>
                    <a:cxn ang="T18">
                      <a:pos x="T4" y="T5"/>
                    </a:cxn>
                    <a:cxn ang="T19">
                      <a:pos x="T6" y="T7"/>
                    </a:cxn>
                    <a:cxn ang="T20">
                      <a:pos x="T8" y="T9"/>
                    </a:cxn>
                    <a:cxn ang="T21">
                      <a:pos x="T10" y="T11"/>
                    </a:cxn>
                    <a:cxn ang="T22">
                      <a:pos x="T12" y="T13"/>
                    </a:cxn>
                    <a:cxn ang="T23">
                      <a:pos x="T14" y="T15"/>
                    </a:cxn>
                  </a:cxnLst>
                  <a:rect l="0" t="0" r="r" b="b"/>
                  <a:pathLst>
                    <a:path w="4149" h="522">
                      <a:moveTo>
                        <a:pt x="4148" y="522"/>
                      </a:moveTo>
                      <a:lnTo>
                        <a:pt x="4149" y="1"/>
                      </a:lnTo>
                      <a:lnTo>
                        <a:pt x="1" y="0"/>
                      </a:lnTo>
                      <a:lnTo>
                        <a:pt x="0" y="2"/>
                      </a:lnTo>
                      <a:lnTo>
                        <a:pt x="4" y="4"/>
                      </a:lnTo>
                      <a:lnTo>
                        <a:pt x="4145" y="3"/>
                      </a:lnTo>
                      <a:lnTo>
                        <a:pt x="4146" y="518"/>
                      </a:lnTo>
                      <a:lnTo>
                        <a:pt x="4148" y="52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2" name="Freeform 9">
                  <a:extLst>
                    <a:ext uri="{FF2B5EF4-FFF2-40B4-BE49-F238E27FC236}">
                      <a16:creationId xmlns:a16="http://schemas.microsoft.com/office/drawing/2014/main" id="{EE8EB0E6-8616-4F7C-B100-4E92F84B400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878" y="3608"/>
                  <a:ext cx="279" cy="4"/>
                </a:xfrm>
                <a:custGeom>
                  <a:avLst/>
                  <a:gdLst>
                    <a:gd name="T0" fmla="*/ 0 w 556"/>
                    <a:gd name="T1" fmla="*/ 0 h 9"/>
                    <a:gd name="T2" fmla="*/ 1 w 556"/>
                    <a:gd name="T3" fmla="*/ 0 h 9"/>
                    <a:gd name="T4" fmla="*/ 1 w 556"/>
                    <a:gd name="T5" fmla="*/ 0 h 9"/>
                    <a:gd name="T6" fmla="*/ 1 w 556"/>
                    <a:gd name="T7" fmla="*/ 0 h 9"/>
                    <a:gd name="T8" fmla="*/ 1 w 556"/>
                    <a:gd name="T9" fmla="*/ 0 h 9"/>
                    <a:gd name="T10" fmla="*/ 0 w 556"/>
                    <a:gd name="T11" fmla="*/ 0 h 9"/>
                    <a:gd name="T12" fmla="*/ 0 60000 65536"/>
                    <a:gd name="T13" fmla="*/ 0 60000 65536"/>
                    <a:gd name="T14" fmla="*/ 0 60000 65536"/>
                    <a:gd name="T15" fmla="*/ 0 60000 65536"/>
                    <a:gd name="T16" fmla="*/ 0 60000 65536"/>
                    <a:gd name="T17" fmla="*/ 0 60000 65536"/>
                  </a:gdLst>
                  <a:ahLst/>
                  <a:cxnLst>
                    <a:cxn ang="T12">
                      <a:pos x="T0" y="T1"/>
                    </a:cxn>
                    <a:cxn ang="T13">
                      <a:pos x="T2" y="T3"/>
                    </a:cxn>
                    <a:cxn ang="T14">
                      <a:pos x="T4" y="T5"/>
                    </a:cxn>
                    <a:cxn ang="T15">
                      <a:pos x="T6" y="T7"/>
                    </a:cxn>
                    <a:cxn ang="T16">
                      <a:pos x="T8" y="T9"/>
                    </a:cxn>
                    <a:cxn ang="T17">
                      <a:pos x="T10" y="T11"/>
                    </a:cxn>
                  </a:cxnLst>
                  <a:rect l="0" t="0" r="r" b="b"/>
                  <a:pathLst>
                    <a:path w="556" h="9">
                      <a:moveTo>
                        <a:pt x="0" y="9"/>
                      </a:moveTo>
                      <a:lnTo>
                        <a:pt x="556" y="2"/>
                      </a:lnTo>
                      <a:lnTo>
                        <a:pt x="556" y="1"/>
                      </a:lnTo>
                      <a:lnTo>
                        <a:pt x="552" y="0"/>
                      </a:lnTo>
                      <a:lnTo>
                        <a:pt x="2" y="7"/>
                      </a:lnTo>
                      <a:lnTo>
                        <a:pt x="0" y="9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3" name="Freeform 10">
                  <a:extLst>
                    <a:ext uri="{FF2B5EF4-FFF2-40B4-BE49-F238E27FC236}">
                      <a16:creationId xmlns:a16="http://schemas.microsoft.com/office/drawing/2014/main" id="{A528FDAC-56AB-468E-842F-08BB60FA28DB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1547" y="3704"/>
                  <a:ext cx="83" cy="100"/>
                </a:xfrm>
                <a:custGeom>
                  <a:avLst/>
                  <a:gdLst>
                    <a:gd name="T0" fmla="*/ 1 w 165"/>
                    <a:gd name="T1" fmla="*/ 0 h 199"/>
                    <a:gd name="T2" fmla="*/ 1 w 165"/>
                    <a:gd name="T3" fmla="*/ 0 h 199"/>
                    <a:gd name="T4" fmla="*/ 1 w 165"/>
                    <a:gd name="T5" fmla="*/ 1 h 199"/>
                    <a:gd name="T6" fmla="*/ 1 w 165"/>
                    <a:gd name="T7" fmla="*/ 1 h 199"/>
                    <a:gd name="T8" fmla="*/ 1 w 165"/>
                    <a:gd name="T9" fmla="*/ 1 h 199"/>
                    <a:gd name="T10" fmla="*/ 1 w 165"/>
                    <a:gd name="T11" fmla="*/ 1 h 199"/>
                    <a:gd name="T12" fmla="*/ 1 w 165"/>
                    <a:gd name="T13" fmla="*/ 1 h 199"/>
                    <a:gd name="T14" fmla="*/ 1 w 165"/>
                    <a:gd name="T15" fmla="*/ 1 h 199"/>
                    <a:gd name="T16" fmla="*/ 1 w 165"/>
                    <a:gd name="T17" fmla="*/ 1 h 199"/>
                    <a:gd name="T18" fmla="*/ 1 w 165"/>
                    <a:gd name="T19" fmla="*/ 1 h 199"/>
                    <a:gd name="T20" fmla="*/ 1 w 165"/>
                    <a:gd name="T21" fmla="*/ 1 h 199"/>
                    <a:gd name="T22" fmla="*/ 1 w 165"/>
                    <a:gd name="T23" fmla="*/ 1 h 199"/>
                    <a:gd name="T24" fmla="*/ 1 w 165"/>
                    <a:gd name="T25" fmla="*/ 1 h 199"/>
                    <a:gd name="T26" fmla="*/ 1 w 165"/>
                    <a:gd name="T27" fmla="*/ 1 h 199"/>
                    <a:gd name="T28" fmla="*/ 1 w 165"/>
                    <a:gd name="T29" fmla="*/ 1 h 199"/>
                    <a:gd name="T30" fmla="*/ 1 w 165"/>
                    <a:gd name="T31" fmla="*/ 1 h 199"/>
                    <a:gd name="T32" fmla="*/ 1 w 165"/>
                    <a:gd name="T33" fmla="*/ 1 h 199"/>
                    <a:gd name="T34" fmla="*/ 1 w 165"/>
                    <a:gd name="T35" fmla="*/ 1 h 199"/>
                    <a:gd name="T36" fmla="*/ 1 w 165"/>
                    <a:gd name="T37" fmla="*/ 1 h 199"/>
                    <a:gd name="T38" fmla="*/ 1 w 165"/>
                    <a:gd name="T39" fmla="*/ 1 h 199"/>
                    <a:gd name="T40" fmla="*/ 1 w 165"/>
                    <a:gd name="T41" fmla="*/ 1 h 199"/>
                    <a:gd name="T42" fmla="*/ 1 w 165"/>
                    <a:gd name="T43" fmla="*/ 1 h 199"/>
                    <a:gd name="T44" fmla="*/ 1 w 165"/>
                    <a:gd name="T45" fmla="*/ 1 h 199"/>
                    <a:gd name="T46" fmla="*/ 1 w 165"/>
                    <a:gd name="T47" fmla="*/ 1 h 199"/>
                    <a:gd name="T48" fmla="*/ 1 w 165"/>
                    <a:gd name="T49" fmla="*/ 1 h 199"/>
                    <a:gd name="T50" fmla="*/ 1 w 165"/>
                    <a:gd name="T51" fmla="*/ 1 h 199"/>
                    <a:gd name="T52" fmla="*/ 1 w 165"/>
                    <a:gd name="T53" fmla="*/ 1 h 199"/>
                    <a:gd name="T54" fmla="*/ 1 w 165"/>
                    <a:gd name="T55" fmla="*/ 1 h 199"/>
                    <a:gd name="T56" fmla="*/ 1 w 165"/>
                    <a:gd name="T57" fmla="*/ 1 h 199"/>
                    <a:gd name="T58" fmla="*/ 1 w 165"/>
                    <a:gd name="T59" fmla="*/ 1 h 199"/>
                    <a:gd name="T60" fmla="*/ 1 w 165"/>
                    <a:gd name="T61" fmla="*/ 1 h 199"/>
                    <a:gd name="T62" fmla="*/ 1 w 165"/>
                    <a:gd name="T63" fmla="*/ 1 h 199"/>
                    <a:gd name="T64" fmla="*/ 1 w 165"/>
                    <a:gd name="T65" fmla="*/ 1 h 199"/>
                    <a:gd name="T66" fmla="*/ 1 w 165"/>
                    <a:gd name="T67" fmla="*/ 1 h 199"/>
                    <a:gd name="T68" fmla="*/ 1 w 165"/>
                    <a:gd name="T69" fmla="*/ 1 h 199"/>
                    <a:gd name="T70" fmla="*/ 1 w 165"/>
                    <a:gd name="T71" fmla="*/ 1 h 199"/>
                    <a:gd name="T72" fmla="*/ 1 w 165"/>
                    <a:gd name="T73" fmla="*/ 1 h 199"/>
                    <a:gd name="T74" fmla="*/ 1 w 165"/>
                    <a:gd name="T75" fmla="*/ 1 h 199"/>
                    <a:gd name="T76" fmla="*/ 1 w 165"/>
                    <a:gd name="T77" fmla="*/ 1 h 199"/>
                    <a:gd name="T78" fmla="*/ 1 w 165"/>
                    <a:gd name="T79" fmla="*/ 1 h 199"/>
                    <a:gd name="T80" fmla="*/ 1 w 165"/>
                    <a:gd name="T81" fmla="*/ 1 h 199"/>
                    <a:gd name="T82" fmla="*/ 1 w 165"/>
                    <a:gd name="T83" fmla="*/ 1 h 199"/>
                    <a:gd name="T84" fmla="*/ 1 w 165"/>
                    <a:gd name="T85" fmla="*/ 1 h 199"/>
                    <a:gd name="T86" fmla="*/ 1 w 165"/>
                    <a:gd name="T87" fmla="*/ 1 h 199"/>
                    <a:gd name="T88" fmla="*/ 1 w 165"/>
                    <a:gd name="T89" fmla="*/ 1 h 199"/>
                    <a:gd name="T90" fmla="*/ 1 w 165"/>
                    <a:gd name="T91" fmla="*/ 1 h 199"/>
                    <a:gd name="T92" fmla="*/ 1 w 165"/>
                    <a:gd name="T93" fmla="*/ 1 h 199"/>
                    <a:gd name="T94" fmla="*/ 1 w 165"/>
                    <a:gd name="T95" fmla="*/ 1 h 199"/>
                    <a:gd name="T96" fmla="*/ 1 w 165"/>
                    <a:gd name="T97" fmla="*/ 1 h 199"/>
                    <a:gd name="T98" fmla="*/ 1 w 165"/>
                    <a:gd name="T99" fmla="*/ 1 h 199"/>
                    <a:gd name="T100" fmla="*/ 1 w 165"/>
                    <a:gd name="T101" fmla="*/ 1 h 199"/>
                    <a:gd name="T102" fmla="*/ 1 w 165"/>
                    <a:gd name="T103" fmla="*/ 1 h 199"/>
                    <a:gd name="T104" fmla="*/ 1 w 165"/>
                    <a:gd name="T105" fmla="*/ 1 h 199"/>
                    <a:gd name="T106" fmla="*/ 1 w 165"/>
                    <a:gd name="T107" fmla="*/ 1 h 199"/>
                    <a:gd name="T108" fmla="*/ 1 w 165"/>
                    <a:gd name="T109" fmla="*/ 1 h 199"/>
                    <a:gd name="T110" fmla="*/ 1 w 165"/>
                    <a:gd name="T111" fmla="*/ 1 h 199"/>
                    <a:gd name="T112" fmla="*/ 1 w 165"/>
                    <a:gd name="T113" fmla="*/ 1 h 199"/>
                    <a:gd name="T114" fmla="*/ 1 w 165"/>
                    <a:gd name="T115" fmla="*/ 1 h 199"/>
                    <a:gd name="T116" fmla="*/ 1 w 165"/>
                    <a:gd name="T117" fmla="*/ 1 h 199"/>
                    <a:gd name="T118" fmla="*/ 1 w 165"/>
                    <a:gd name="T119" fmla="*/ 1 h 199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  <a:gd name="T177" fmla="*/ 0 60000 65536"/>
                    <a:gd name="T178" fmla="*/ 0 60000 65536"/>
                    <a:gd name="T179" fmla="*/ 0 60000 65536"/>
                  </a:gdLst>
                  <a:ahLst/>
                  <a:cxnLst>
                    <a:cxn ang="T120">
                      <a:pos x="T0" y="T1"/>
                    </a:cxn>
                    <a:cxn ang="T121">
                      <a:pos x="T2" y="T3"/>
                    </a:cxn>
                    <a:cxn ang="T122">
                      <a:pos x="T4" y="T5"/>
                    </a:cxn>
                    <a:cxn ang="T123">
                      <a:pos x="T6" y="T7"/>
                    </a:cxn>
                    <a:cxn ang="T124">
                      <a:pos x="T8" y="T9"/>
                    </a:cxn>
                    <a:cxn ang="T125">
                      <a:pos x="T10" y="T11"/>
                    </a:cxn>
                    <a:cxn ang="T126">
                      <a:pos x="T12" y="T13"/>
                    </a:cxn>
                    <a:cxn ang="T127">
                      <a:pos x="T14" y="T15"/>
                    </a:cxn>
                    <a:cxn ang="T128">
                      <a:pos x="T16" y="T17"/>
                    </a:cxn>
                    <a:cxn ang="T129">
                      <a:pos x="T18" y="T19"/>
                    </a:cxn>
                    <a:cxn ang="T130">
                      <a:pos x="T20" y="T21"/>
                    </a:cxn>
                    <a:cxn ang="T131">
                      <a:pos x="T22" y="T23"/>
                    </a:cxn>
                    <a:cxn ang="T132">
                      <a:pos x="T24" y="T25"/>
                    </a:cxn>
                    <a:cxn ang="T133">
                      <a:pos x="T26" y="T27"/>
                    </a:cxn>
                    <a:cxn ang="T134">
                      <a:pos x="T28" y="T29"/>
                    </a:cxn>
                    <a:cxn ang="T135">
                      <a:pos x="T30" y="T31"/>
                    </a:cxn>
                    <a:cxn ang="T136">
                      <a:pos x="T32" y="T33"/>
                    </a:cxn>
                    <a:cxn ang="T137">
                      <a:pos x="T34" y="T35"/>
                    </a:cxn>
                    <a:cxn ang="T138">
                      <a:pos x="T36" y="T37"/>
                    </a:cxn>
                    <a:cxn ang="T139">
                      <a:pos x="T38" y="T39"/>
                    </a:cxn>
                    <a:cxn ang="T140">
                      <a:pos x="T40" y="T41"/>
                    </a:cxn>
                    <a:cxn ang="T141">
                      <a:pos x="T42" y="T43"/>
                    </a:cxn>
                    <a:cxn ang="T142">
                      <a:pos x="T44" y="T45"/>
                    </a:cxn>
                    <a:cxn ang="T143">
                      <a:pos x="T46" y="T47"/>
                    </a:cxn>
                    <a:cxn ang="T144">
                      <a:pos x="T48" y="T49"/>
                    </a:cxn>
                    <a:cxn ang="T145">
                      <a:pos x="T50" y="T51"/>
                    </a:cxn>
                    <a:cxn ang="T146">
                      <a:pos x="T52" y="T53"/>
                    </a:cxn>
                    <a:cxn ang="T147">
                      <a:pos x="T54" y="T55"/>
                    </a:cxn>
                    <a:cxn ang="T148">
                      <a:pos x="T56" y="T57"/>
                    </a:cxn>
                    <a:cxn ang="T149">
                      <a:pos x="T58" y="T59"/>
                    </a:cxn>
                    <a:cxn ang="T150">
                      <a:pos x="T60" y="T61"/>
                    </a:cxn>
                    <a:cxn ang="T151">
                      <a:pos x="T62" y="T63"/>
                    </a:cxn>
                    <a:cxn ang="T152">
                      <a:pos x="T64" y="T65"/>
                    </a:cxn>
                    <a:cxn ang="T153">
                      <a:pos x="T66" y="T67"/>
                    </a:cxn>
                    <a:cxn ang="T154">
                      <a:pos x="T68" y="T69"/>
                    </a:cxn>
                    <a:cxn ang="T155">
                      <a:pos x="T70" y="T71"/>
                    </a:cxn>
                    <a:cxn ang="T156">
                      <a:pos x="T72" y="T73"/>
                    </a:cxn>
                    <a:cxn ang="T157">
                      <a:pos x="T74" y="T75"/>
                    </a:cxn>
                    <a:cxn ang="T158">
                      <a:pos x="T76" y="T77"/>
                    </a:cxn>
                    <a:cxn ang="T159">
                      <a:pos x="T78" y="T79"/>
                    </a:cxn>
                    <a:cxn ang="T160">
                      <a:pos x="T80" y="T81"/>
                    </a:cxn>
                    <a:cxn ang="T161">
                      <a:pos x="T82" y="T83"/>
                    </a:cxn>
                    <a:cxn ang="T162">
                      <a:pos x="T84" y="T85"/>
                    </a:cxn>
                    <a:cxn ang="T163">
                      <a:pos x="T86" y="T87"/>
                    </a:cxn>
                    <a:cxn ang="T164">
                      <a:pos x="T88" y="T89"/>
                    </a:cxn>
                    <a:cxn ang="T165">
                      <a:pos x="T90" y="T91"/>
                    </a:cxn>
                    <a:cxn ang="T166">
                      <a:pos x="T92" y="T93"/>
                    </a:cxn>
                    <a:cxn ang="T167">
                      <a:pos x="T94" y="T95"/>
                    </a:cxn>
                    <a:cxn ang="T168">
                      <a:pos x="T96" y="T97"/>
                    </a:cxn>
                    <a:cxn ang="T169">
                      <a:pos x="T98" y="T99"/>
                    </a:cxn>
                    <a:cxn ang="T170">
                      <a:pos x="T100" y="T101"/>
                    </a:cxn>
                    <a:cxn ang="T171">
                      <a:pos x="T102" y="T103"/>
                    </a:cxn>
                    <a:cxn ang="T172">
                      <a:pos x="T104" y="T105"/>
                    </a:cxn>
                    <a:cxn ang="T173">
                      <a:pos x="T106" y="T107"/>
                    </a:cxn>
                    <a:cxn ang="T174">
                      <a:pos x="T108" y="T109"/>
                    </a:cxn>
                    <a:cxn ang="T175">
                      <a:pos x="T110" y="T111"/>
                    </a:cxn>
                    <a:cxn ang="T176">
                      <a:pos x="T112" y="T113"/>
                    </a:cxn>
                    <a:cxn ang="T177">
                      <a:pos x="T114" y="T115"/>
                    </a:cxn>
                    <a:cxn ang="T178">
                      <a:pos x="T116" y="T117"/>
                    </a:cxn>
                    <a:cxn ang="T179">
                      <a:pos x="T118" y="T119"/>
                    </a:cxn>
                  </a:cxnLst>
                  <a:rect l="0" t="0" r="r" b="b"/>
                  <a:pathLst>
                    <a:path w="165" h="199">
                      <a:moveTo>
                        <a:pt x="0" y="0"/>
                      </a:moveTo>
                      <a:lnTo>
                        <a:pt x="78" y="0"/>
                      </a:lnTo>
                      <a:lnTo>
                        <a:pt x="83" y="0"/>
                      </a:lnTo>
                      <a:lnTo>
                        <a:pt x="87" y="0"/>
                      </a:lnTo>
                      <a:lnTo>
                        <a:pt x="91" y="0"/>
                      </a:lnTo>
                      <a:lnTo>
                        <a:pt x="94" y="0"/>
                      </a:lnTo>
                      <a:lnTo>
                        <a:pt x="97" y="0"/>
                      </a:lnTo>
                      <a:lnTo>
                        <a:pt x="101" y="0"/>
                      </a:lnTo>
                      <a:lnTo>
                        <a:pt x="103" y="0"/>
                      </a:lnTo>
                      <a:lnTo>
                        <a:pt x="106" y="0"/>
                      </a:lnTo>
                      <a:lnTo>
                        <a:pt x="108" y="1"/>
                      </a:lnTo>
                      <a:lnTo>
                        <a:pt x="111" y="1"/>
                      </a:lnTo>
                      <a:lnTo>
                        <a:pt x="113" y="1"/>
                      </a:lnTo>
                      <a:lnTo>
                        <a:pt x="114" y="3"/>
                      </a:lnTo>
                      <a:lnTo>
                        <a:pt x="116" y="3"/>
                      </a:lnTo>
                      <a:lnTo>
                        <a:pt x="118" y="3"/>
                      </a:lnTo>
                      <a:lnTo>
                        <a:pt x="120" y="4"/>
                      </a:lnTo>
                      <a:lnTo>
                        <a:pt x="122" y="4"/>
                      </a:lnTo>
                      <a:lnTo>
                        <a:pt x="124" y="5"/>
                      </a:lnTo>
                      <a:lnTo>
                        <a:pt x="125" y="5"/>
                      </a:lnTo>
                      <a:lnTo>
                        <a:pt x="127" y="6"/>
                      </a:lnTo>
                      <a:lnTo>
                        <a:pt x="129" y="7"/>
                      </a:lnTo>
                      <a:lnTo>
                        <a:pt x="131" y="7"/>
                      </a:lnTo>
                      <a:lnTo>
                        <a:pt x="132" y="8"/>
                      </a:lnTo>
                      <a:lnTo>
                        <a:pt x="134" y="9"/>
                      </a:lnTo>
                      <a:lnTo>
                        <a:pt x="135" y="10"/>
                      </a:lnTo>
                      <a:lnTo>
                        <a:pt x="137" y="12"/>
                      </a:lnTo>
                      <a:lnTo>
                        <a:pt x="139" y="13"/>
                      </a:lnTo>
                      <a:lnTo>
                        <a:pt x="140" y="14"/>
                      </a:lnTo>
                      <a:lnTo>
                        <a:pt x="142" y="15"/>
                      </a:lnTo>
                      <a:lnTo>
                        <a:pt x="143" y="16"/>
                      </a:lnTo>
                      <a:lnTo>
                        <a:pt x="144" y="17"/>
                      </a:lnTo>
                      <a:lnTo>
                        <a:pt x="145" y="19"/>
                      </a:lnTo>
                      <a:lnTo>
                        <a:pt x="146" y="20"/>
                      </a:lnTo>
                      <a:lnTo>
                        <a:pt x="148" y="22"/>
                      </a:lnTo>
                      <a:lnTo>
                        <a:pt x="149" y="24"/>
                      </a:lnTo>
                      <a:lnTo>
                        <a:pt x="150" y="25"/>
                      </a:lnTo>
                      <a:lnTo>
                        <a:pt x="150" y="27"/>
                      </a:lnTo>
                      <a:lnTo>
                        <a:pt x="151" y="28"/>
                      </a:lnTo>
                      <a:lnTo>
                        <a:pt x="152" y="31"/>
                      </a:lnTo>
                      <a:lnTo>
                        <a:pt x="153" y="32"/>
                      </a:lnTo>
                      <a:lnTo>
                        <a:pt x="154" y="34"/>
                      </a:lnTo>
                      <a:lnTo>
                        <a:pt x="154" y="36"/>
                      </a:lnTo>
                      <a:lnTo>
                        <a:pt x="155" y="37"/>
                      </a:lnTo>
                      <a:lnTo>
                        <a:pt x="155" y="39"/>
                      </a:lnTo>
                      <a:lnTo>
                        <a:pt x="156" y="42"/>
                      </a:lnTo>
                      <a:lnTo>
                        <a:pt x="156" y="44"/>
                      </a:lnTo>
                      <a:lnTo>
                        <a:pt x="156" y="46"/>
                      </a:lnTo>
                      <a:lnTo>
                        <a:pt x="156" y="48"/>
                      </a:lnTo>
                      <a:lnTo>
                        <a:pt x="156" y="51"/>
                      </a:lnTo>
                      <a:lnTo>
                        <a:pt x="156" y="52"/>
                      </a:lnTo>
                      <a:lnTo>
                        <a:pt x="156" y="54"/>
                      </a:lnTo>
                      <a:lnTo>
                        <a:pt x="156" y="56"/>
                      </a:lnTo>
                      <a:lnTo>
                        <a:pt x="156" y="58"/>
                      </a:lnTo>
                      <a:lnTo>
                        <a:pt x="155" y="61"/>
                      </a:lnTo>
                      <a:lnTo>
                        <a:pt x="155" y="63"/>
                      </a:lnTo>
                      <a:lnTo>
                        <a:pt x="154" y="65"/>
                      </a:lnTo>
                      <a:lnTo>
                        <a:pt x="153" y="67"/>
                      </a:lnTo>
                      <a:lnTo>
                        <a:pt x="153" y="69"/>
                      </a:lnTo>
                      <a:lnTo>
                        <a:pt x="152" y="71"/>
                      </a:lnTo>
                      <a:lnTo>
                        <a:pt x="151" y="73"/>
                      </a:lnTo>
                      <a:lnTo>
                        <a:pt x="149" y="75"/>
                      </a:lnTo>
                      <a:lnTo>
                        <a:pt x="148" y="76"/>
                      </a:lnTo>
                      <a:lnTo>
                        <a:pt x="146" y="79"/>
                      </a:lnTo>
                      <a:lnTo>
                        <a:pt x="145" y="81"/>
                      </a:lnTo>
                      <a:lnTo>
                        <a:pt x="143" y="82"/>
                      </a:lnTo>
                      <a:lnTo>
                        <a:pt x="142" y="84"/>
                      </a:lnTo>
                      <a:lnTo>
                        <a:pt x="140" y="85"/>
                      </a:lnTo>
                      <a:lnTo>
                        <a:pt x="139" y="86"/>
                      </a:lnTo>
                      <a:lnTo>
                        <a:pt x="136" y="89"/>
                      </a:lnTo>
                      <a:lnTo>
                        <a:pt x="135" y="90"/>
                      </a:lnTo>
                      <a:lnTo>
                        <a:pt x="133" y="91"/>
                      </a:lnTo>
                      <a:lnTo>
                        <a:pt x="131" y="92"/>
                      </a:lnTo>
                      <a:lnTo>
                        <a:pt x="129" y="93"/>
                      </a:lnTo>
                      <a:lnTo>
                        <a:pt x="132" y="93"/>
                      </a:lnTo>
                      <a:lnTo>
                        <a:pt x="135" y="94"/>
                      </a:lnTo>
                      <a:lnTo>
                        <a:pt x="137" y="95"/>
                      </a:lnTo>
                      <a:lnTo>
                        <a:pt x="140" y="98"/>
                      </a:lnTo>
                      <a:lnTo>
                        <a:pt x="142" y="99"/>
                      </a:lnTo>
                      <a:lnTo>
                        <a:pt x="145" y="100"/>
                      </a:lnTo>
                      <a:lnTo>
                        <a:pt x="146" y="101"/>
                      </a:lnTo>
                      <a:lnTo>
                        <a:pt x="149" y="103"/>
                      </a:lnTo>
                      <a:lnTo>
                        <a:pt x="151" y="104"/>
                      </a:lnTo>
                      <a:lnTo>
                        <a:pt x="153" y="107"/>
                      </a:lnTo>
                      <a:lnTo>
                        <a:pt x="154" y="109"/>
                      </a:lnTo>
                      <a:lnTo>
                        <a:pt x="155" y="111"/>
                      </a:lnTo>
                      <a:lnTo>
                        <a:pt x="158" y="113"/>
                      </a:lnTo>
                      <a:lnTo>
                        <a:pt x="159" y="116"/>
                      </a:lnTo>
                      <a:lnTo>
                        <a:pt x="160" y="118"/>
                      </a:lnTo>
                      <a:lnTo>
                        <a:pt x="162" y="120"/>
                      </a:lnTo>
                      <a:lnTo>
                        <a:pt x="162" y="122"/>
                      </a:lnTo>
                      <a:lnTo>
                        <a:pt x="163" y="124"/>
                      </a:lnTo>
                      <a:lnTo>
                        <a:pt x="164" y="128"/>
                      </a:lnTo>
                      <a:lnTo>
                        <a:pt x="165" y="130"/>
                      </a:lnTo>
                      <a:lnTo>
                        <a:pt x="165" y="132"/>
                      </a:lnTo>
                      <a:lnTo>
                        <a:pt x="165" y="136"/>
                      </a:lnTo>
                      <a:lnTo>
                        <a:pt x="165" y="138"/>
                      </a:lnTo>
                      <a:lnTo>
                        <a:pt x="165" y="141"/>
                      </a:lnTo>
                      <a:lnTo>
                        <a:pt x="165" y="143"/>
                      </a:lnTo>
                      <a:lnTo>
                        <a:pt x="165" y="146"/>
                      </a:lnTo>
                      <a:lnTo>
                        <a:pt x="165" y="148"/>
                      </a:lnTo>
                      <a:lnTo>
                        <a:pt x="165" y="150"/>
                      </a:lnTo>
                      <a:lnTo>
                        <a:pt x="165" y="152"/>
                      </a:lnTo>
                      <a:lnTo>
                        <a:pt x="164" y="155"/>
                      </a:lnTo>
                      <a:lnTo>
                        <a:pt x="164" y="157"/>
                      </a:lnTo>
                      <a:lnTo>
                        <a:pt x="163" y="159"/>
                      </a:lnTo>
                      <a:lnTo>
                        <a:pt x="163" y="161"/>
                      </a:lnTo>
                      <a:lnTo>
                        <a:pt x="162" y="164"/>
                      </a:lnTo>
                      <a:lnTo>
                        <a:pt x="161" y="166"/>
                      </a:lnTo>
                      <a:lnTo>
                        <a:pt x="160" y="168"/>
                      </a:lnTo>
                      <a:lnTo>
                        <a:pt x="159" y="169"/>
                      </a:lnTo>
                      <a:lnTo>
                        <a:pt x="158" y="171"/>
                      </a:lnTo>
                      <a:lnTo>
                        <a:pt x="156" y="174"/>
                      </a:lnTo>
                      <a:lnTo>
                        <a:pt x="155" y="175"/>
                      </a:lnTo>
                      <a:lnTo>
                        <a:pt x="154" y="177"/>
                      </a:lnTo>
                      <a:lnTo>
                        <a:pt x="152" y="179"/>
                      </a:lnTo>
                      <a:lnTo>
                        <a:pt x="151" y="180"/>
                      </a:lnTo>
                      <a:lnTo>
                        <a:pt x="150" y="182"/>
                      </a:lnTo>
                      <a:lnTo>
                        <a:pt x="148" y="184"/>
                      </a:lnTo>
                      <a:lnTo>
                        <a:pt x="146" y="185"/>
                      </a:lnTo>
                      <a:lnTo>
                        <a:pt x="144" y="186"/>
                      </a:lnTo>
                      <a:lnTo>
                        <a:pt x="142" y="188"/>
                      </a:lnTo>
                      <a:lnTo>
                        <a:pt x="141" y="189"/>
                      </a:lnTo>
                      <a:lnTo>
                        <a:pt x="139" y="190"/>
                      </a:lnTo>
                      <a:lnTo>
                        <a:pt x="136" y="192"/>
                      </a:lnTo>
                      <a:lnTo>
                        <a:pt x="134" y="193"/>
                      </a:lnTo>
                      <a:lnTo>
                        <a:pt x="132" y="193"/>
                      </a:lnTo>
                      <a:lnTo>
                        <a:pt x="130" y="194"/>
                      </a:lnTo>
                      <a:lnTo>
                        <a:pt x="127" y="195"/>
                      </a:lnTo>
                      <a:lnTo>
                        <a:pt x="125" y="196"/>
                      </a:lnTo>
                      <a:lnTo>
                        <a:pt x="123" y="196"/>
                      </a:lnTo>
                      <a:lnTo>
                        <a:pt x="121" y="197"/>
                      </a:lnTo>
                      <a:lnTo>
                        <a:pt x="118" y="197"/>
                      </a:lnTo>
                      <a:lnTo>
                        <a:pt x="115" y="198"/>
                      </a:lnTo>
                      <a:lnTo>
                        <a:pt x="114" y="198"/>
                      </a:lnTo>
                      <a:lnTo>
                        <a:pt x="112" y="198"/>
                      </a:lnTo>
                      <a:lnTo>
                        <a:pt x="108" y="198"/>
                      </a:lnTo>
                      <a:lnTo>
                        <a:pt x="106" y="198"/>
                      </a:lnTo>
                      <a:lnTo>
                        <a:pt x="103" y="198"/>
                      </a:lnTo>
                      <a:lnTo>
                        <a:pt x="98" y="198"/>
                      </a:lnTo>
                      <a:lnTo>
                        <a:pt x="94" y="198"/>
                      </a:lnTo>
                      <a:lnTo>
                        <a:pt x="89" y="198"/>
                      </a:lnTo>
                      <a:lnTo>
                        <a:pt x="85" y="198"/>
                      </a:lnTo>
                      <a:lnTo>
                        <a:pt x="79" y="198"/>
                      </a:lnTo>
                      <a:lnTo>
                        <a:pt x="74" y="198"/>
                      </a:lnTo>
                      <a:lnTo>
                        <a:pt x="67" y="199"/>
                      </a:lnTo>
                      <a:lnTo>
                        <a:pt x="0" y="199"/>
                      </a:lnTo>
                      <a:lnTo>
                        <a:pt x="0" y="0"/>
                      </a:lnTo>
                      <a:close/>
                      <a:moveTo>
                        <a:pt x="40" y="34"/>
                      </a:moveTo>
                      <a:lnTo>
                        <a:pt x="40" y="79"/>
                      </a:lnTo>
                      <a:lnTo>
                        <a:pt x="66" y="79"/>
                      </a:lnTo>
                      <a:lnTo>
                        <a:pt x="70" y="78"/>
                      </a:lnTo>
                      <a:lnTo>
                        <a:pt x="74" y="79"/>
                      </a:lnTo>
                      <a:lnTo>
                        <a:pt x="77" y="78"/>
                      </a:lnTo>
                      <a:lnTo>
                        <a:pt x="81" y="79"/>
                      </a:lnTo>
                      <a:lnTo>
                        <a:pt x="83" y="79"/>
                      </a:lnTo>
                      <a:lnTo>
                        <a:pt x="86" y="79"/>
                      </a:lnTo>
                      <a:lnTo>
                        <a:pt x="88" y="79"/>
                      </a:lnTo>
                      <a:lnTo>
                        <a:pt x="89" y="79"/>
                      </a:lnTo>
                      <a:lnTo>
                        <a:pt x="92" y="79"/>
                      </a:lnTo>
                      <a:lnTo>
                        <a:pt x="93" y="79"/>
                      </a:lnTo>
                      <a:lnTo>
                        <a:pt x="95" y="79"/>
                      </a:lnTo>
                      <a:lnTo>
                        <a:pt x="97" y="78"/>
                      </a:lnTo>
                      <a:lnTo>
                        <a:pt x="98" y="78"/>
                      </a:lnTo>
                      <a:lnTo>
                        <a:pt x="101" y="78"/>
                      </a:lnTo>
                      <a:lnTo>
                        <a:pt x="102" y="76"/>
                      </a:lnTo>
                      <a:lnTo>
                        <a:pt x="103" y="76"/>
                      </a:lnTo>
                      <a:lnTo>
                        <a:pt x="105" y="75"/>
                      </a:lnTo>
                      <a:lnTo>
                        <a:pt x="106" y="75"/>
                      </a:lnTo>
                      <a:lnTo>
                        <a:pt x="107" y="74"/>
                      </a:lnTo>
                      <a:lnTo>
                        <a:pt x="108" y="74"/>
                      </a:lnTo>
                      <a:lnTo>
                        <a:pt x="110" y="73"/>
                      </a:lnTo>
                      <a:lnTo>
                        <a:pt x="111" y="72"/>
                      </a:lnTo>
                      <a:lnTo>
                        <a:pt x="112" y="70"/>
                      </a:lnTo>
                      <a:lnTo>
                        <a:pt x="113" y="69"/>
                      </a:lnTo>
                      <a:lnTo>
                        <a:pt x="114" y="67"/>
                      </a:lnTo>
                      <a:lnTo>
                        <a:pt x="115" y="66"/>
                      </a:lnTo>
                      <a:lnTo>
                        <a:pt x="115" y="65"/>
                      </a:lnTo>
                      <a:lnTo>
                        <a:pt x="116" y="64"/>
                      </a:lnTo>
                      <a:lnTo>
                        <a:pt x="116" y="63"/>
                      </a:lnTo>
                      <a:lnTo>
                        <a:pt x="117" y="62"/>
                      </a:lnTo>
                      <a:lnTo>
                        <a:pt x="117" y="60"/>
                      </a:lnTo>
                      <a:lnTo>
                        <a:pt x="117" y="58"/>
                      </a:lnTo>
                      <a:lnTo>
                        <a:pt x="117" y="57"/>
                      </a:lnTo>
                      <a:lnTo>
                        <a:pt x="117" y="56"/>
                      </a:lnTo>
                      <a:lnTo>
                        <a:pt x="117" y="54"/>
                      </a:lnTo>
                      <a:lnTo>
                        <a:pt x="117" y="53"/>
                      </a:lnTo>
                      <a:lnTo>
                        <a:pt x="117" y="52"/>
                      </a:lnTo>
                      <a:lnTo>
                        <a:pt x="117" y="50"/>
                      </a:lnTo>
                      <a:lnTo>
                        <a:pt x="117" y="48"/>
                      </a:lnTo>
                      <a:lnTo>
                        <a:pt x="116" y="47"/>
                      </a:lnTo>
                      <a:lnTo>
                        <a:pt x="116" y="46"/>
                      </a:lnTo>
                      <a:lnTo>
                        <a:pt x="115" y="45"/>
                      </a:lnTo>
                      <a:lnTo>
                        <a:pt x="115" y="44"/>
                      </a:lnTo>
                      <a:lnTo>
                        <a:pt x="114" y="43"/>
                      </a:lnTo>
                      <a:lnTo>
                        <a:pt x="113" y="42"/>
                      </a:lnTo>
                      <a:lnTo>
                        <a:pt x="112" y="42"/>
                      </a:lnTo>
                      <a:lnTo>
                        <a:pt x="112" y="41"/>
                      </a:lnTo>
                      <a:lnTo>
                        <a:pt x="111" y="39"/>
                      </a:lnTo>
                      <a:lnTo>
                        <a:pt x="110" y="38"/>
                      </a:lnTo>
                      <a:lnTo>
                        <a:pt x="108" y="37"/>
                      </a:lnTo>
                      <a:lnTo>
                        <a:pt x="107" y="36"/>
                      </a:lnTo>
                      <a:lnTo>
                        <a:pt x="106" y="36"/>
                      </a:lnTo>
                      <a:lnTo>
                        <a:pt x="105" y="35"/>
                      </a:lnTo>
                      <a:lnTo>
                        <a:pt x="103" y="35"/>
                      </a:lnTo>
                      <a:lnTo>
                        <a:pt x="102" y="34"/>
                      </a:lnTo>
                      <a:lnTo>
                        <a:pt x="101" y="34"/>
                      </a:lnTo>
                      <a:lnTo>
                        <a:pt x="99" y="34"/>
                      </a:lnTo>
                      <a:lnTo>
                        <a:pt x="97" y="34"/>
                      </a:lnTo>
                      <a:lnTo>
                        <a:pt x="96" y="34"/>
                      </a:lnTo>
                      <a:lnTo>
                        <a:pt x="95" y="33"/>
                      </a:lnTo>
                      <a:lnTo>
                        <a:pt x="93" y="33"/>
                      </a:lnTo>
                      <a:lnTo>
                        <a:pt x="91" y="34"/>
                      </a:lnTo>
                      <a:lnTo>
                        <a:pt x="88" y="34"/>
                      </a:lnTo>
                      <a:lnTo>
                        <a:pt x="86" y="34"/>
                      </a:lnTo>
                      <a:lnTo>
                        <a:pt x="83" y="34"/>
                      </a:lnTo>
                      <a:lnTo>
                        <a:pt x="79" y="34"/>
                      </a:lnTo>
                      <a:lnTo>
                        <a:pt x="76" y="34"/>
                      </a:lnTo>
                      <a:lnTo>
                        <a:pt x="72" y="34"/>
                      </a:lnTo>
                      <a:lnTo>
                        <a:pt x="68" y="34"/>
                      </a:lnTo>
                      <a:lnTo>
                        <a:pt x="63" y="34"/>
                      </a:lnTo>
                      <a:lnTo>
                        <a:pt x="40" y="34"/>
                      </a:lnTo>
                      <a:close/>
                      <a:moveTo>
                        <a:pt x="40" y="112"/>
                      </a:moveTo>
                      <a:lnTo>
                        <a:pt x="40" y="166"/>
                      </a:lnTo>
                      <a:lnTo>
                        <a:pt x="76" y="166"/>
                      </a:lnTo>
                      <a:lnTo>
                        <a:pt x="81" y="165"/>
                      </a:lnTo>
                      <a:lnTo>
                        <a:pt x="84" y="165"/>
                      </a:lnTo>
                      <a:lnTo>
                        <a:pt x="87" y="165"/>
                      </a:lnTo>
                      <a:lnTo>
                        <a:pt x="89" y="165"/>
                      </a:lnTo>
                      <a:lnTo>
                        <a:pt x="93" y="165"/>
                      </a:lnTo>
                      <a:lnTo>
                        <a:pt x="95" y="165"/>
                      </a:lnTo>
                      <a:lnTo>
                        <a:pt x="97" y="165"/>
                      </a:lnTo>
                      <a:lnTo>
                        <a:pt x="99" y="165"/>
                      </a:lnTo>
                      <a:lnTo>
                        <a:pt x="101" y="165"/>
                      </a:lnTo>
                      <a:lnTo>
                        <a:pt x="102" y="165"/>
                      </a:lnTo>
                      <a:lnTo>
                        <a:pt x="104" y="165"/>
                      </a:lnTo>
                      <a:lnTo>
                        <a:pt x="106" y="164"/>
                      </a:lnTo>
                      <a:lnTo>
                        <a:pt x="107" y="164"/>
                      </a:lnTo>
                      <a:lnTo>
                        <a:pt x="108" y="163"/>
                      </a:lnTo>
                      <a:lnTo>
                        <a:pt x="111" y="163"/>
                      </a:lnTo>
                      <a:lnTo>
                        <a:pt x="112" y="161"/>
                      </a:lnTo>
                      <a:lnTo>
                        <a:pt x="113" y="161"/>
                      </a:lnTo>
                      <a:lnTo>
                        <a:pt x="114" y="160"/>
                      </a:lnTo>
                      <a:lnTo>
                        <a:pt x="115" y="159"/>
                      </a:lnTo>
                      <a:lnTo>
                        <a:pt x="116" y="159"/>
                      </a:lnTo>
                      <a:lnTo>
                        <a:pt x="117" y="158"/>
                      </a:lnTo>
                      <a:lnTo>
                        <a:pt x="118" y="157"/>
                      </a:lnTo>
                      <a:lnTo>
                        <a:pt x="120" y="155"/>
                      </a:lnTo>
                      <a:lnTo>
                        <a:pt x="121" y="154"/>
                      </a:lnTo>
                      <a:lnTo>
                        <a:pt x="122" y="152"/>
                      </a:lnTo>
                      <a:lnTo>
                        <a:pt x="122" y="151"/>
                      </a:lnTo>
                      <a:lnTo>
                        <a:pt x="123" y="150"/>
                      </a:lnTo>
                      <a:lnTo>
                        <a:pt x="123" y="148"/>
                      </a:lnTo>
                      <a:lnTo>
                        <a:pt x="124" y="147"/>
                      </a:lnTo>
                      <a:lnTo>
                        <a:pt x="124" y="146"/>
                      </a:lnTo>
                      <a:lnTo>
                        <a:pt x="124" y="143"/>
                      </a:lnTo>
                      <a:lnTo>
                        <a:pt x="124" y="142"/>
                      </a:lnTo>
                      <a:lnTo>
                        <a:pt x="124" y="140"/>
                      </a:lnTo>
                      <a:lnTo>
                        <a:pt x="124" y="139"/>
                      </a:lnTo>
                      <a:lnTo>
                        <a:pt x="124" y="137"/>
                      </a:lnTo>
                      <a:lnTo>
                        <a:pt x="124" y="136"/>
                      </a:lnTo>
                      <a:lnTo>
                        <a:pt x="124" y="135"/>
                      </a:lnTo>
                      <a:lnTo>
                        <a:pt x="124" y="132"/>
                      </a:lnTo>
                      <a:lnTo>
                        <a:pt x="124" y="131"/>
                      </a:lnTo>
                      <a:lnTo>
                        <a:pt x="123" y="130"/>
                      </a:lnTo>
                      <a:lnTo>
                        <a:pt x="123" y="129"/>
                      </a:lnTo>
                      <a:lnTo>
                        <a:pt x="123" y="128"/>
                      </a:lnTo>
                      <a:lnTo>
                        <a:pt x="122" y="127"/>
                      </a:lnTo>
                      <a:lnTo>
                        <a:pt x="122" y="126"/>
                      </a:lnTo>
                      <a:lnTo>
                        <a:pt x="121" y="124"/>
                      </a:lnTo>
                      <a:lnTo>
                        <a:pt x="120" y="124"/>
                      </a:lnTo>
                      <a:lnTo>
                        <a:pt x="120" y="123"/>
                      </a:lnTo>
                      <a:lnTo>
                        <a:pt x="118" y="122"/>
                      </a:lnTo>
                      <a:lnTo>
                        <a:pt x="117" y="121"/>
                      </a:lnTo>
                      <a:lnTo>
                        <a:pt x="116" y="120"/>
                      </a:lnTo>
                      <a:lnTo>
                        <a:pt x="116" y="119"/>
                      </a:lnTo>
                      <a:lnTo>
                        <a:pt x="115" y="118"/>
                      </a:lnTo>
                      <a:lnTo>
                        <a:pt x="114" y="118"/>
                      </a:lnTo>
                      <a:lnTo>
                        <a:pt x="113" y="117"/>
                      </a:lnTo>
                      <a:lnTo>
                        <a:pt x="112" y="117"/>
                      </a:lnTo>
                      <a:lnTo>
                        <a:pt x="111" y="116"/>
                      </a:lnTo>
                      <a:lnTo>
                        <a:pt x="110" y="116"/>
                      </a:lnTo>
                      <a:lnTo>
                        <a:pt x="107" y="116"/>
                      </a:lnTo>
                      <a:lnTo>
                        <a:pt x="106" y="114"/>
                      </a:lnTo>
                      <a:lnTo>
                        <a:pt x="105" y="114"/>
                      </a:lnTo>
                      <a:lnTo>
                        <a:pt x="103" y="113"/>
                      </a:lnTo>
                      <a:lnTo>
                        <a:pt x="101" y="113"/>
                      </a:lnTo>
                      <a:lnTo>
                        <a:pt x="98" y="113"/>
                      </a:lnTo>
                      <a:lnTo>
                        <a:pt x="95" y="112"/>
                      </a:lnTo>
                      <a:lnTo>
                        <a:pt x="92" y="112"/>
                      </a:lnTo>
                      <a:lnTo>
                        <a:pt x="88" y="112"/>
                      </a:lnTo>
                      <a:lnTo>
                        <a:pt x="85" y="112"/>
                      </a:lnTo>
                      <a:lnTo>
                        <a:pt x="81" y="112"/>
                      </a:lnTo>
                      <a:lnTo>
                        <a:pt x="77" y="112"/>
                      </a:lnTo>
                      <a:lnTo>
                        <a:pt x="72" y="112"/>
                      </a:lnTo>
                      <a:lnTo>
                        <a:pt x="40" y="11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4" name="Freeform 11">
                  <a:extLst>
                    <a:ext uri="{FF2B5EF4-FFF2-40B4-BE49-F238E27FC236}">
                      <a16:creationId xmlns:a16="http://schemas.microsoft.com/office/drawing/2014/main" id="{14D641B1-BBED-4DEE-AEB5-59DCAA7D354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646" y="3730"/>
                  <a:ext cx="46" cy="74"/>
                </a:xfrm>
                <a:custGeom>
                  <a:avLst/>
                  <a:gdLst>
                    <a:gd name="T0" fmla="*/ 0 w 93"/>
                    <a:gd name="T1" fmla="*/ 1 h 147"/>
                    <a:gd name="T2" fmla="*/ 0 w 93"/>
                    <a:gd name="T3" fmla="*/ 1 h 147"/>
                    <a:gd name="T4" fmla="*/ 0 w 93"/>
                    <a:gd name="T5" fmla="*/ 1 h 147"/>
                    <a:gd name="T6" fmla="*/ 0 w 93"/>
                    <a:gd name="T7" fmla="*/ 1 h 147"/>
                    <a:gd name="T8" fmla="*/ 0 w 93"/>
                    <a:gd name="T9" fmla="*/ 1 h 147"/>
                    <a:gd name="T10" fmla="*/ 0 w 93"/>
                    <a:gd name="T11" fmla="*/ 1 h 147"/>
                    <a:gd name="T12" fmla="*/ 0 w 93"/>
                    <a:gd name="T13" fmla="*/ 1 h 147"/>
                    <a:gd name="T14" fmla="*/ 0 w 93"/>
                    <a:gd name="T15" fmla="*/ 1 h 147"/>
                    <a:gd name="T16" fmla="*/ 0 w 93"/>
                    <a:gd name="T17" fmla="*/ 1 h 147"/>
                    <a:gd name="T18" fmla="*/ 0 w 93"/>
                    <a:gd name="T19" fmla="*/ 1 h 147"/>
                    <a:gd name="T20" fmla="*/ 0 w 93"/>
                    <a:gd name="T21" fmla="*/ 1 h 147"/>
                    <a:gd name="T22" fmla="*/ 0 w 93"/>
                    <a:gd name="T23" fmla="*/ 0 h 147"/>
                    <a:gd name="T24" fmla="*/ 0 w 93"/>
                    <a:gd name="T25" fmla="*/ 0 h 147"/>
                    <a:gd name="T26" fmla="*/ 0 w 93"/>
                    <a:gd name="T27" fmla="*/ 0 h 147"/>
                    <a:gd name="T28" fmla="*/ 0 w 93"/>
                    <a:gd name="T29" fmla="*/ 0 h 147"/>
                    <a:gd name="T30" fmla="*/ 0 w 93"/>
                    <a:gd name="T31" fmla="*/ 0 h 147"/>
                    <a:gd name="T32" fmla="*/ 0 w 93"/>
                    <a:gd name="T33" fmla="*/ 1 h 147"/>
                    <a:gd name="T34" fmla="*/ 0 w 93"/>
                    <a:gd name="T35" fmla="*/ 1 h 147"/>
                    <a:gd name="T36" fmla="*/ 0 w 93"/>
                    <a:gd name="T37" fmla="*/ 1 h 147"/>
                    <a:gd name="T38" fmla="*/ 0 w 93"/>
                    <a:gd name="T39" fmla="*/ 1 h 147"/>
                    <a:gd name="T40" fmla="*/ 0 w 93"/>
                    <a:gd name="T41" fmla="*/ 1 h 147"/>
                    <a:gd name="T42" fmla="*/ 0 w 93"/>
                    <a:gd name="T43" fmla="*/ 1 h 147"/>
                    <a:gd name="T44" fmla="*/ 0 w 93"/>
                    <a:gd name="T45" fmla="*/ 1 h 147"/>
                    <a:gd name="T46" fmla="*/ 0 w 93"/>
                    <a:gd name="T47" fmla="*/ 1 h 147"/>
                    <a:gd name="T48" fmla="*/ 0 w 93"/>
                    <a:gd name="T49" fmla="*/ 1 h 147"/>
                    <a:gd name="T50" fmla="*/ 0 w 93"/>
                    <a:gd name="T51" fmla="*/ 1 h 147"/>
                    <a:gd name="T52" fmla="*/ 0 w 93"/>
                    <a:gd name="T53" fmla="*/ 1 h 147"/>
                    <a:gd name="T54" fmla="*/ 0 w 93"/>
                    <a:gd name="T55" fmla="*/ 1 h 147"/>
                    <a:gd name="T56" fmla="*/ 0 w 93"/>
                    <a:gd name="T57" fmla="*/ 1 h 147"/>
                    <a:gd name="T58" fmla="*/ 0 w 93"/>
                    <a:gd name="T59" fmla="*/ 1 h 147"/>
                    <a:gd name="T60" fmla="*/ 0 w 93"/>
                    <a:gd name="T61" fmla="*/ 1 h 147"/>
                    <a:gd name="T62" fmla="*/ 0 w 93"/>
                    <a:gd name="T63" fmla="*/ 1 h 147"/>
                    <a:gd name="T64" fmla="*/ 0 w 93"/>
                    <a:gd name="T65" fmla="*/ 1 h 147"/>
                    <a:gd name="T66" fmla="*/ 0 w 93"/>
                    <a:gd name="T67" fmla="*/ 1 h 147"/>
                    <a:gd name="T68" fmla="*/ 0 w 93"/>
                    <a:gd name="T69" fmla="*/ 1 h 147"/>
                    <a:gd name="T70" fmla="*/ 0 w 93"/>
                    <a:gd name="T71" fmla="*/ 1 h 147"/>
                    <a:gd name="T72" fmla="*/ 0 w 93"/>
                    <a:gd name="T73" fmla="*/ 1 h 147"/>
                    <a:gd name="T74" fmla="*/ 0 w 93"/>
                    <a:gd name="T75" fmla="*/ 1 h 147"/>
                    <a:gd name="T76" fmla="*/ 0 w 93"/>
                    <a:gd name="T77" fmla="*/ 1 h 147"/>
                    <a:gd name="T78" fmla="*/ 0 w 93"/>
                    <a:gd name="T79" fmla="*/ 1 h 147"/>
                    <a:gd name="T80" fmla="*/ 0 w 93"/>
                    <a:gd name="T81" fmla="*/ 1 h 147"/>
                    <a:gd name="T82" fmla="*/ 0 w 93"/>
                    <a:gd name="T83" fmla="*/ 1 h 147"/>
                    <a:gd name="T84" fmla="*/ 0 w 93"/>
                    <a:gd name="T85" fmla="*/ 1 h 147"/>
                    <a:gd name="T86" fmla="*/ 0 w 93"/>
                    <a:gd name="T87" fmla="*/ 1 h 147"/>
                    <a:gd name="T88" fmla="*/ 0 w 93"/>
                    <a:gd name="T89" fmla="*/ 1 h 147"/>
                    <a:gd name="T90" fmla="*/ 0 w 93"/>
                    <a:gd name="T91" fmla="*/ 1 h 147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</a:gdLst>
                  <a:ahLst/>
                  <a:cxnLst>
                    <a:cxn ang="T92">
                      <a:pos x="T0" y="T1"/>
                    </a:cxn>
                    <a:cxn ang="T93">
                      <a:pos x="T2" y="T3"/>
                    </a:cxn>
                    <a:cxn ang="T94">
                      <a:pos x="T4" y="T5"/>
                    </a:cxn>
                    <a:cxn ang="T95">
                      <a:pos x="T6" y="T7"/>
                    </a:cxn>
                    <a:cxn ang="T96">
                      <a:pos x="T8" y="T9"/>
                    </a:cxn>
                    <a:cxn ang="T97">
                      <a:pos x="T10" y="T11"/>
                    </a:cxn>
                    <a:cxn ang="T98">
                      <a:pos x="T12" y="T13"/>
                    </a:cxn>
                    <a:cxn ang="T99">
                      <a:pos x="T14" y="T15"/>
                    </a:cxn>
                    <a:cxn ang="T100">
                      <a:pos x="T16" y="T17"/>
                    </a:cxn>
                    <a:cxn ang="T101">
                      <a:pos x="T18" y="T19"/>
                    </a:cxn>
                    <a:cxn ang="T102">
                      <a:pos x="T20" y="T21"/>
                    </a:cxn>
                    <a:cxn ang="T103">
                      <a:pos x="T22" y="T23"/>
                    </a:cxn>
                    <a:cxn ang="T104">
                      <a:pos x="T24" y="T25"/>
                    </a:cxn>
                    <a:cxn ang="T105">
                      <a:pos x="T26" y="T27"/>
                    </a:cxn>
                    <a:cxn ang="T106">
                      <a:pos x="T28" y="T29"/>
                    </a:cxn>
                    <a:cxn ang="T107">
                      <a:pos x="T30" y="T31"/>
                    </a:cxn>
                    <a:cxn ang="T108">
                      <a:pos x="T32" y="T33"/>
                    </a:cxn>
                    <a:cxn ang="T109">
                      <a:pos x="T34" y="T35"/>
                    </a:cxn>
                    <a:cxn ang="T110">
                      <a:pos x="T36" y="T37"/>
                    </a:cxn>
                    <a:cxn ang="T111">
                      <a:pos x="T38" y="T39"/>
                    </a:cxn>
                    <a:cxn ang="T112">
                      <a:pos x="T40" y="T41"/>
                    </a:cxn>
                    <a:cxn ang="T113">
                      <a:pos x="T42" y="T43"/>
                    </a:cxn>
                    <a:cxn ang="T114">
                      <a:pos x="T44" y="T45"/>
                    </a:cxn>
                    <a:cxn ang="T115">
                      <a:pos x="T46" y="T47"/>
                    </a:cxn>
                    <a:cxn ang="T116">
                      <a:pos x="T48" y="T49"/>
                    </a:cxn>
                    <a:cxn ang="T117">
                      <a:pos x="T50" y="T51"/>
                    </a:cxn>
                    <a:cxn ang="T118">
                      <a:pos x="T52" y="T53"/>
                    </a:cxn>
                    <a:cxn ang="T119">
                      <a:pos x="T54" y="T55"/>
                    </a:cxn>
                    <a:cxn ang="T120">
                      <a:pos x="T56" y="T57"/>
                    </a:cxn>
                    <a:cxn ang="T121">
                      <a:pos x="T58" y="T59"/>
                    </a:cxn>
                    <a:cxn ang="T122">
                      <a:pos x="T60" y="T61"/>
                    </a:cxn>
                    <a:cxn ang="T123">
                      <a:pos x="T62" y="T63"/>
                    </a:cxn>
                    <a:cxn ang="T124">
                      <a:pos x="T64" y="T65"/>
                    </a:cxn>
                    <a:cxn ang="T125">
                      <a:pos x="T66" y="T67"/>
                    </a:cxn>
                    <a:cxn ang="T126">
                      <a:pos x="T68" y="T69"/>
                    </a:cxn>
                    <a:cxn ang="T127">
                      <a:pos x="T70" y="T71"/>
                    </a:cxn>
                    <a:cxn ang="T128">
                      <a:pos x="T72" y="T73"/>
                    </a:cxn>
                    <a:cxn ang="T129">
                      <a:pos x="T74" y="T75"/>
                    </a:cxn>
                    <a:cxn ang="T130">
                      <a:pos x="T76" y="T77"/>
                    </a:cxn>
                    <a:cxn ang="T131">
                      <a:pos x="T78" y="T79"/>
                    </a:cxn>
                    <a:cxn ang="T132">
                      <a:pos x="T80" y="T81"/>
                    </a:cxn>
                    <a:cxn ang="T133">
                      <a:pos x="T82" y="T83"/>
                    </a:cxn>
                    <a:cxn ang="T134">
                      <a:pos x="T84" y="T85"/>
                    </a:cxn>
                    <a:cxn ang="T135">
                      <a:pos x="T86" y="T87"/>
                    </a:cxn>
                    <a:cxn ang="T136">
                      <a:pos x="T88" y="T89"/>
                    </a:cxn>
                    <a:cxn ang="T137">
                      <a:pos x="T90" y="T91"/>
                    </a:cxn>
                  </a:cxnLst>
                  <a:rect l="0" t="0" r="r" b="b"/>
                  <a:pathLst>
                    <a:path w="93" h="147">
                      <a:moveTo>
                        <a:pt x="38" y="147"/>
                      </a:moveTo>
                      <a:lnTo>
                        <a:pt x="0" y="147"/>
                      </a:lnTo>
                      <a:lnTo>
                        <a:pt x="0" y="3"/>
                      </a:lnTo>
                      <a:lnTo>
                        <a:pt x="34" y="3"/>
                      </a:lnTo>
                      <a:lnTo>
                        <a:pt x="34" y="23"/>
                      </a:lnTo>
                      <a:lnTo>
                        <a:pt x="37" y="20"/>
                      </a:lnTo>
                      <a:lnTo>
                        <a:pt x="38" y="18"/>
                      </a:lnTo>
                      <a:lnTo>
                        <a:pt x="39" y="17"/>
                      </a:lnTo>
                      <a:lnTo>
                        <a:pt x="41" y="14"/>
                      </a:lnTo>
                      <a:lnTo>
                        <a:pt x="42" y="12"/>
                      </a:lnTo>
                      <a:lnTo>
                        <a:pt x="43" y="11"/>
                      </a:lnTo>
                      <a:lnTo>
                        <a:pt x="45" y="9"/>
                      </a:lnTo>
                      <a:lnTo>
                        <a:pt x="47" y="8"/>
                      </a:lnTo>
                      <a:lnTo>
                        <a:pt x="48" y="6"/>
                      </a:lnTo>
                      <a:lnTo>
                        <a:pt x="49" y="5"/>
                      </a:lnTo>
                      <a:lnTo>
                        <a:pt x="50" y="4"/>
                      </a:lnTo>
                      <a:lnTo>
                        <a:pt x="51" y="4"/>
                      </a:lnTo>
                      <a:lnTo>
                        <a:pt x="53" y="3"/>
                      </a:lnTo>
                      <a:lnTo>
                        <a:pt x="55" y="2"/>
                      </a:lnTo>
                      <a:lnTo>
                        <a:pt x="56" y="2"/>
                      </a:lnTo>
                      <a:lnTo>
                        <a:pt x="57" y="1"/>
                      </a:lnTo>
                      <a:lnTo>
                        <a:pt x="59" y="1"/>
                      </a:lnTo>
                      <a:lnTo>
                        <a:pt x="60" y="0"/>
                      </a:lnTo>
                      <a:lnTo>
                        <a:pt x="61" y="0"/>
                      </a:lnTo>
                      <a:lnTo>
                        <a:pt x="62" y="0"/>
                      </a:lnTo>
                      <a:lnTo>
                        <a:pt x="65" y="0"/>
                      </a:lnTo>
                      <a:lnTo>
                        <a:pt x="66" y="0"/>
                      </a:lnTo>
                      <a:lnTo>
                        <a:pt x="67" y="0"/>
                      </a:lnTo>
                      <a:lnTo>
                        <a:pt x="68" y="0"/>
                      </a:lnTo>
                      <a:lnTo>
                        <a:pt x="70" y="0"/>
                      </a:lnTo>
                      <a:lnTo>
                        <a:pt x="72" y="0"/>
                      </a:lnTo>
                      <a:lnTo>
                        <a:pt x="75" y="0"/>
                      </a:lnTo>
                      <a:lnTo>
                        <a:pt x="77" y="0"/>
                      </a:lnTo>
                      <a:lnTo>
                        <a:pt x="79" y="1"/>
                      </a:lnTo>
                      <a:lnTo>
                        <a:pt x="81" y="1"/>
                      </a:lnTo>
                      <a:lnTo>
                        <a:pt x="83" y="2"/>
                      </a:lnTo>
                      <a:lnTo>
                        <a:pt x="85" y="3"/>
                      </a:lnTo>
                      <a:lnTo>
                        <a:pt x="87" y="3"/>
                      </a:lnTo>
                      <a:lnTo>
                        <a:pt x="89" y="4"/>
                      </a:lnTo>
                      <a:lnTo>
                        <a:pt x="91" y="5"/>
                      </a:lnTo>
                      <a:lnTo>
                        <a:pt x="93" y="8"/>
                      </a:lnTo>
                      <a:lnTo>
                        <a:pt x="81" y="40"/>
                      </a:lnTo>
                      <a:lnTo>
                        <a:pt x="80" y="39"/>
                      </a:lnTo>
                      <a:lnTo>
                        <a:pt x="79" y="38"/>
                      </a:lnTo>
                      <a:lnTo>
                        <a:pt x="77" y="37"/>
                      </a:lnTo>
                      <a:lnTo>
                        <a:pt x="76" y="37"/>
                      </a:lnTo>
                      <a:lnTo>
                        <a:pt x="74" y="36"/>
                      </a:lnTo>
                      <a:lnTo>
                        <a:pt x="72" y="36"/>
                      </a:lnTo>
                      <a:lnTo>
                        <a:pt x="70" y="34"/>
                      </a:lnTo>
                      <a:lnTo>
                        <a:pt x="69" y="34"/>
                      </a:lnTo>
                      <a:lnTo>
                        <a:pt x="68" y="34"/>
                      </a:lnTo>
                      <a:lnTo>
                        <a:pt x="66" y="34"/>
                      </a:lnTo>
                      <a:lnTo>
                        <a:pt x="65" y="34"/>
                      </a:lnTo>
                      <a:lnTo>
                        <a:pt x="62" y="34"/>
                      </a:lnTo>
                      <a:lnTo>
                        <a:pt x="61" y="34"/>
                      </a:lnTo>
                      <a:lnTo>
                        <a:pt x="60" y="34"/>
                      </a:lnTo>
                      <a:lnTo>
                        <a:pt x="59" y="34"/>
                      </a:lnTo>
                      <a:lnTo>
                        <a:pt x="58" y="34"/>
                      </a:lnTo>
                      <a:lnTo>
                        <a:pt x="57" y="34"/>
                      </a:lnTo>
                      <a:lnTo>
                        <a:pt x="56" y="36"/>
                      </a:lnTo>
                      <a:lnTo>
                        <a:pt x="55" y="36"/>
                      </a:lnTo>
                      <a:lnTo>
                        <a:pt x="53" y="36"/>
                      </a:lnTo>
                      <a:lnTo>
                        <a:pt x="52" y="37"/>
                      </a:lnTo>
                      <a:lnTo>
                        <a:pt x="51" y="37"/>
                      </a:lnTo>
                      <a:lnTo>
                        <a:pt x="50" y="38"/>
                      </a:lnTo>
                      <a:lnTo>
                        <a:pt x="49" y="39"/>
                      </a:lnTo>
                      <a:lnTo>
                        <a:pt x="48" y="40"/>
                      </a:lnTo>
                      <a:lnTo>
                        <a:pt x="47" y="41"/>
                      </a:lnTo>
                      <a:lnTo>
                        <a:pt x="46" y="42"/>
                      </a:lnTo>
                      <a:lnTo>
                        <a:pt x="46" y="43"/>
                      </a:lnTo>
                      <a:lnTo>
                        <a:pt x="45" y="45"/>
                      </a:lnTo>
                      <a:lnTo>
                        <a:pt x="45" y="46"/>
                      </a:lnTo>
                      <a:lnTo>
                        <a:pt x="43" y="48"/>
                      </a:lnTo>
                      <a:lnTo>
                        <a:pt x="43" y="49"/>
                      </a:lnTo>
                      <a:lnTo>
                        <a:pt x="42" y="50"/>
                      </a:lnTo>
                      <a:lnTo>
                        <a:pt x="42" y="52"/>
                      </a:lnTo>
                      <a:lnTo>
                        <a:pt x="41" y="55"/>
                      </a:lnTo>
                      <a:lnTo>
                        <a:pt x="41" y="56"/>
                      </a:lnTo>
                      <a:lnTo>
                        <a:pt x="41" y="58"/>
                      </a:lnTo>
                      <a:lnTo>
                        <a:pt x="40" y="61"/>
                      </a:lnTo>
                      <a:lnTo>
                        <a:pt x="40" y="65"/>
                      </a:lnTo>
                      <a:lnTo>
                        <a:pt x="40" y="68"/>
                      </a:lnTo>
                      <a:lnTo>
                        <a:pt x="39" y="71"/>
                      </a:lnTo>
                      <a:lnTo>
                        <a:pt x="39" y="76"/>
                      </a:lnTo>
                      <a:lnTo>
                        <a:pt x="39" y="80"/>
                      </a:lnTo>
                      <a:lnTo>
                        <a:pt x="39" y="85"/>
                      </a:lnTo>
                      <a:lnTo>
                        <a:pt x="39" y="90"/>
                      </a:lnTo>
                      <a:lnTo>
                        <a:pt x="39" y="96"/>
                      </a:lnTo>
                      <a:lnTo>
                        <a:pt x="38" y="103"/>
                      </a:lnTo>
                      <a:lnTo>
                        <a:pt x="38" y="14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5" name="Freeform 12">
                  <a:extLst>
                    <a:ext uri="{FF2B5EF4-FFF2-40B4-BE49-F238E27FC236}">
                      <a16:creationId xmlns:a16="http://schemas.microsoft.com/office/drawing/2014/main" id="{19BFC648-E729-4E7C-AD86-91B6C6277788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1695" y="3730"/>
                  <a:ext cx="67" cy="75"/>
                </a:xfrm>
                <a:custGeom>
                  <a:avLst/>
                  <a:gdLst>
                    <a:gd name="T0" fmla="*/ 1 w 134"/>
                    <a:gd name="T1" fmla="*/ 0 h 151"/>
                    <a:gd name="T2" fmla="*/ 1 w 134"/>
                    <a:gd name="T3" fmla="*/ 0 h 151"/>
                    <a:gd name="T4" fmla="*/ 1 w 134"/>
                    <a:gd name="T5" fmla="*/ 0 h 151"/>
                    <a:gd name="T6" fmla="*/ 1 w 134"/>
                    <a:gd name="T7" fmla="*/ 0 h 151"/>
                    <a:gd name="T8" fmla="*/ 1 w 134"/>
                    <a:gd name="T9" fmla="*/ 0 h 151"/>
                    <a:gd name="T10" fmla="*/ 1 w 134"/>
                    <a:gd name="T11" fmla="*/ 0 h 151"/>
                    <a:gd name="T12" fmla="*/ 1 w 134"/>
                    <a:gd name="T13" fmla="*/ 0 h 151"/>
                    <a:gd name="T14" fmla="*/ 1 w 134"/>
                    <a:gd name="T15" fmla="*/ 0 h 151"/>
                    <a:gd name="T16" fmla="*/ 1 w 134"/>
                    <a:gd name="T17" fmla="*/ 0 h 151"/>
                    <a:gd name="T18" fmla="*/ 1 w 134"/>
                    <a:gd name="T19" fmla="*/ 0 h 151"/>
                    <a:gd name="T20" fmla="*/ 1 w 134"/>
                    <a:gd name="T21" fmla="*/ 0 h 151"/>
                    <a:gd name="T22" fmla="*/ 1 w 134"/>
                    <a:gd name="T23" fmla="*/ 0 h 151"/>
                    <a:gd name="T24" fmla="*/ 1 w 134"/>
                    <a:gd name="T25" fmla="*/ 0 h 151"/>
                    <a:gd name="T26" fmla="*/ 1 w 134"/>
                    <a:gd name="T27" fmla="*/ 0 h 151"/>
                    <a:gd name="T28" fmla="*/ 1 w 134"/>
                    <a:gd name="T29" fmla="*/ 0 h 151"/>
                    <a:gd name="T30" fmla="*/ 1 w 134"/>
                    <a:gd name="T31" fmla="*/ 0 h 151"/>
                    <a:gd name="T32" fmla="*/ 1 w 134"/>
                    <a:gd name="T33" fmla="*/ 0 h 151"/>
                    <a:gd name="T34" fmla="*/ 1 w 134"/>
                    <a:gd name="T35" fmla="*/ 0 h 151"/>
                    <a:gd name="T36" fmla="*/ 1 w 134"/>
                    <a:gd name="T37" fmla="*/ 0 h 151"/>
                    <a:gd name="T38" fmla="*/ 1 w 134"/>
                    <a:gd name="T39" fmla="*/ 0 h 151"/>
                    <a:gd name="T40" fmla="*/ 1 w 134"/>
                    <a:gd name="T41" fmla="*/ 0 h 151"/>
                    <a:gd name="T42" fmla="*/ 1 w 134"/>
                    <a:gd name="T43" fmla="*/ 0 h 151"/>
                    <a:gd name="T44" fmla="*/ 1 w 134"/>
                    <a:gd name="T45" fmla="*/ 0 h 151"/>
                    <a:gd name="T46" fmla="*/ 1 w 134"/>
                    <a:gd name="T47" fmla="*/ 0 h 151"/>
                    <a:gd name="T48" fmla="*/ 1 w 134"/>
                    <a:gd name="T49" fmla="*/ 0 h 151"/>
                    <a:gd name="T50" fmla="*/ 1 w 134"/>
                    <a:gd name="T51" fmla="*/ 0 h 151"/>
                    <a:gd name="T52" fmla="*/ 1 w 134"/>
                    <a:gd name="T53" fmla="*/ 0 h 151"/>
                    <a:gd name="T54" fmla="*/ 1 w 134"/>
                    <a:gd name="T55" fmla="*/ 0 h 151"/>
                    <a:gd name="T56" fmla="*/ 1 w 134"/>
                    <a:gd name="T57" fmla="*/ 0 h 151"/>
                    <a:gd name="T58" fmla="*/ 1 w 134"/>
                    <a:gd name="T59" fmla="*/ 0 h 151"/>
                    <a:gd name="T60" fmla="*/ 1 w 134"/>
                    <a:gd name="T61" fmla="*/ 0 h 151"/>
                    <a:gd name="T62" fmla="*/ 1 w 134"/>
                    <a:gd name="T63" fmla="*/ 0 h 151"/>
                    <a:gd name="T64" fmla="*/ 1 w 134"/>
                    <a:gd name="T65" fmla="*/ 0 h 151"/>
                    <a:gd name="T66" fmla="*/ 1 w 134"/>
                    <a:gd name="T67" fmla="*/ 0 h 151"/>
                    <a:gd name="T68" fmla="*/ 1 w 134"/>
                    <a:gd name="T69" fmla="*/ 0 h 151"/>
                    <a:gd name="T70" fmla="*/ 1 w 134"/>
                    <a:gd name="T71" fmla="*/ 0 h 151"/>
                    <a:gd name="T72" fmla="*/ 1 w 134"/>
                    <a:gd name="T73" fmla="*/ 0 h 151"/>
                    <a:gd name="T74" fmla="*/ 1 w 134"/>
                    <a:gd name="T75" fmla="*/ 0 h 151"/>
                    <a:gd name="T76" fmla="*/ 1 w 134"/>
                    <a:gd name="T77" fmla="*/ 0 h 151"/>
                    <a:gd name="T78" fmla="*/ 1 w 134"/>
                    <a:gd name="T79" fmla="*/ 0 h 151"/>
                    <a:gd name="T80" fmla="*/ 1 w 134"/>
                    <a:gd name="T81" fmla="*/ 0 h 151"/>
                    <a:gd name="T82" fmla="*/ 1 w 134"/>
                    <a:gd name="T83" fmla="*/ 0 h 151"/>
                    <a:gd name="T84" fmla="*/ 1 w 134"/>
                    <a:gd name="T85" fmla="*/ 0 h 151"/>
                    <a:gd name="T86" fmla="*/ 1 w 134"/>
                    <a:gd name="T87" fmla="*/ 0 h 151"/>
                    <a:gd name="T88" fmla="*/ 1 w 134"/>
                    <a:gd name="T89" fmla="*/ 0 h 151"/>
                    <a:gd name="T90" fmla="*/ 1 w 134"/>
                    <a:gd name="T91" fmla="*/ 0 h 151"/>
                    <a:gd name="T92" fmla="*/ 1 w 134"/>
                    <a:gd name="T93" fmla="*/ 0 h 151"/>
                    <a:gd name="T94" fmla="*/ 1 w 134"/>
                    <a:gd name="T95" fmla="*/ 0 h 151"/>
                    <a:gd name="T96" fmla="*/ 1 w 134"/>
                    <a:gd name="T97" fmla="*/ 0 h 151"/>
                    <a:gd name="T98" fmla="*/ 1 w 134"/>
                    <a:gd name="T99" fmla="*/ 0 h 151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</a:gdLst>
                  <a:ahLst/>
                  <a:cxnLst>
                    <a:cxn ang="T100">
                      <a:pos x="T0" y="T1"/>
                    </a:cxn>
                    <a:cxn ang="T101">
                      <a:pos x="T2" y="T3"/>
                    </a:cxn>
                    <a:cxn ang="T102">
                      <a:pos x="T4" y="T5"/>
                    </a:cxn>
                    <a:cxn ang="T103">
                      <a:pos x="T6" y="T7"/>
                    </a:cxn>
                    <a:cxn ang="T104">
                      <a:pos x="T8" y="T9"/>
                    </a:cxn>
                    <a:cxn ang="T105">
                      <a:pos x="T10" y="T11"/>
                    </a:cxn>
                    <a:cxn ang="T106">
                      <a:pos x="T12" y="T13"/>
                    </a:cxn>
                    <a:cxn ang="T107">
                      <a:pos x="T14" y="T15"/>
                    </a:cxn>
                    <a:cxn ang="T108">
                      <a:pos x="T16" y="T17"/>
                    </a:cxn>
                    <a:cxn ang="T109">
                      <a:pos x="T18" y="T19"/>
                    </a:cxn>
                    <a:cxn ang="T110">
                      <a:pos x="T20" y="T21"/>
                    </a:cxn>
                    <a:cxn ang="T111">
                      <a:pos x="T22" y="T23"/>
                    </a:cxn>
                    <a:cxn ang="T112">
                      <a:pos x="T24" y="T25"/>
                    </a:cxn>
                    <a:cxn ang="T113">
                      <a:pos x="T26" y="T27"/>
                    </a:cxn>
                    <a:cxn ang="T114">
                      <a:pos x="T28" y="T29"/>
                    </a:cxn>
                    <a:cxn ang="T115">
                      <a:pos x="T30" y="T31"/>
                    </a:cxn>
                    <a:cxn ang="T116">
                      <a:pos x="T32" y="T33"/>
                    </a:cxn>
                    <a:cxn ang="T117">
                      <a:pos x="T34" y="T35"/>
                    </a:cxn>
                    <a:cxn ang="T118">
                      <a:pos x="T36" y="T37"/>
                    </a:cxn>
                    <a:cxn ang="T119">
                      <a:pos x="T38" y="T39"/>
                    </a:cxn>
                    <a:cxn ang="T120">
                      <a:pos x="T40" y="T41"/>
                    </a:cxn>
                    <a:cxn ang="T121">
                      <a:pos x="T42" y="T43"/>
                    </a:cxn>
                    <a:cxn ang="T122">
                      <a:pos x="T44" y="T45"/>
                    </a:cxn>
                    <a:cxn ang="T123">
                      <a:pos x="T46" y="T47"/>
                    </a:cxn>
                    <a:cxn ang="T124">
                      <a:pos x="T48" y="T49"/>
                    </a:cxn>
                    <a:cxn ang="T125">
                      <a:pos x="T50" y="T51"/>
                    </a:cxn>
                    <a:cxn ang="T126">
                      <a:pos x="T52" y="T53"/>
                    </a:cxn>
                    <a:cxn ang="T127">
                      <a:pos x="T54" y="T55"/>
                    </a:cxn>
                    <a:cxn ang="T128">
                      <a:pos x="T56" y="T57"/>
                    </a:cxn>
                    <a:cxn ang="T129">
                      <a:pos x="T58" y="T59"/>
                    </a:cxn>
                    <a:cxn ang="T130">
                      <a:pos x="T60" y="T61"/>
                    </a:cxn>
                    <a:cxn ang="T131">
                      <a:pos x="T62" y="T63"/>
                    </a:cxn>
                    <a:cxn ang="T132">
                      <a:pos x="T64" y="T65"/>
                    </a:cxn>
                    <a:cxn ang="T133">
                      <a:pos x="T66" y="T67"/>
                    </a:cxn>
                    <a:cxn ang="T134">
                      <a:pos x="T68" y="T69"/>
                    </a:cxn>
                    <a:cxn ang="T135">
                      <a:pos x="T70" y="T71"/>
                    </a:cxn>
                    <a:cxn ang="T136">
                      <a:pos x="T72" y="T73"/>
                    </a:cxn>
                    <a:cxn ang="T137">
                      <a:pos x="T74" y="T75"/>
                    </a:cxn>
                    <a:cxn ang="T138">
                      <a:pos x="T76" y="T77"/>
                    </a:cxn>
                    <a:cxn ang="T139">
                      <a:pos x="T78" y="T79"/>
                    </a:cxn>
                    <a:cxn ang="T140">
                      <a:pos x="T80" y="T81"/>
                    </a:cxn>
                    <a:cxn ang="T141">
                      <a:pos x="T82" y="T83"/>
                    </a:cxn>
                    <a:cxn ang="T142">
                      <a:pos x="T84" y="T85"/>
                    </a:cxn>
                    <a:cxn ang="T143">
                      <a:pos x="T86" y="T87"/>
                    </a:cxn>
                    <a:cxn ang="T144">
                      <a:pos x="T88" y="T89"/>
                    </a:cxn>
                    <a:cxn ang="T145">
                      <a:pos x="T90" y="T91"/>
                    </a:cxn>
                    <a:cxn ang="T146">
                      <a:pos x="T92" y="T93"/>
                    </a:cxn>
                    <a:cxn ang="T147">
                      <a:pos x="T94" y="T95"/>
                    </a:cxn>
                    <a:cxn ang="T148">
                      <a:pos x="T96" y="T97"/>
                    </a:cxn>
                    <a:cxn ang="T149">
                      <a:pos x="T98" y="T99"/>
                    </a:cxn>
                  </a:cxnLst>
                  <a:rect l="0" t="0" r="r" b="b"/>
                  <a:pathLst>
                    <a:path w="134" h="151">
                      <a:moveTo>
                        <a:pt x="94" y="102"/>
                      </a:moveTo>
                      <a:lnTo>
                        <a:pt x="132" y="108"/>
                      </a:lnTo>
                      <a:lnTo>
                        <a:pt x="131" y="111"/>
                      </a:lnTo>
                      <a:lnTo>
                        <a:pt x="130" y="114"/>
                      </a:lnTo>
                      <a:lnTo>
                        <a:pt x="129" y="117"/>
                      </a:lnTo>
                      <a:lnTo>
                        <a:pt x="126" y="121"/>
                      </a:lnTo>
                      <a:lnTo>
                        <a:pt x="125" y="123"/>
                      </a:lnTo>
                      <a:lnTo>
                        <a:pt x="123" y="126"/>
                      </a:lnTo>
                      <a:lnTo>
                        <a:pt x="121" y="128"/>
                      </a:lnTo>
                      <a:lnTo>
                        <a:pt x="119" y="131"/>
                      </a:lnTo>
                      <a:lnTo>
                        <a:pt x="116" y="133"/>
                      </a:lnTo>
                      <a:lnTo>
                        <a:pt x="114" y="135"/>
                      </a:lnTo>
                      <a:lnTo>
                        <a:pt x="112" y="137"/>
                      </a:lnTo>
                      <a:lnTo>
                        <a:pt x="109" y="140"/>
                      </a:lnTo>
                      <a:lnTo>
                        <a:pt x="106" y="141"/>
                      </a:lnTo>
                      <a:lnTo>
                        <a:pt x="104" y="143"/>
                      </a:lnTo>
                      <a:lnTo>
                        <a:pt x="101" y="144"/>
                      </a:lnTo>
                      <a:lnTo>
                        <a:pt x="97" y="145"/>
                      </a:lnTo>
                      <a:lnTo>
                        <a:pt x="95" y="146"/>
                      </a:lnTo>
                      <a:lnTo>
                        <a:pt x="92" y="147"/>
                      </a:lnTo>
                      <a:lnTo>
                        <a:pt x="88" y="149"/>
                      </a:lnTo>
                      <a:lnTo>
                        <a:pt x="85" y="149"/>
                      </a:lnTo>
                      <a:lnTo>
                        <a:pt x="82" y="150"/>
                      </a:lnTo>
                      <a:lnTo>
                        <a:pt x="77" y="150"/>
                      </a:lnTo>
                      <a:lnTo>
                        <a:pt x="74" y="150"/>
                      </a:lnTo>
                      <a:lnTo>
                        <a:pt x="69" y="151"/>
                      </a:lnTo>
                      <a:lnTo>
                        <a:pt x="64" y="150"/>
                      </a:lnTo>
                      <a:lnTo>
                        <a:pt x="58" y="150"/>
                      </a:lnTo>
                      <a:lnTo>
                        <a:pt x="53" y="149"/>
                      </a:lnTo>
                      <a:lnTo>
                        <a:pt x="47" y="147"/>
                      </a:lnTo>
                      <a:lnTo>
                        <a:pt x="43" y="146"/>
                      </a:lnTo>
                      <a:lnTo>
                        <a:pt x="38" y="144"/>
                      </a:lnTo>
                      <a:lnTo>
                        <a:pt x="34" y="142"/>
                      </a:lnTo>
                      <a:lnTo>
                        <a:pt x="29" y="140"/>
                      </a:lnTo>
                      <a:lnTo>
                        <a:pt x="26" y="136"/>
                      </a:lnTo>
                      <a:lnTo>
                        <a:pt x="21" y="133"/>
                      </a:lnTo>
                      <a:lnTo>
                        <a:pt x="18" y="130"/>
                      </a:lnTo>
                      <a:lnTo>
                        <a:pt x="15" y="126"/>
                      </a:lnTo>
                      <a:lnTo>
                        <a:pt x="12" y="122"/>
                      </a:lnTo>
                      <a:lnTo>
                        <a:pt x="11" y="118"/>
                      </a:lnTo>
                      <a:lnTo>
                        <a:pt x="9" y="115"/>
                      </a:lnTo>
                      <a:lnTo>
                        <a:pt x="7" y="112"/>
                      </a:lnTo>
                      <a:lnTo>
                        <a:pt x="6" y="107"/>
                      </a:lnTo>
                      <a:lnTo>
                        <a:pt x="5" y="103"/>
                      </a:lnTo>
                      <a:lnTo>
                        <a:pt x="4" y="99"/>
                      </a:lnTo>
                      <a:lnTo>
                        <a:pt x="2" y="95"/>
                      </a:lnTo>
                      <a:lnTo>
                        <a:pt x="1" y="90"/>
                      </a:lnTo>
                      <a:lnTo>
                        <a:pt x="1" y="86"/>
                      </a:lnTo>
                      <a:lnTo>
                        <a:pt x="1" y="81"/>
                      </a:lnTo>
                      <a:lnTo>
                        <a:pt x="0" y="77"/>
                      </a:lnTo>
                      <a:lnTo>
                        <a:pt x="1" y="70"/>
                      </a:lnTo>
                      <a:lnTo>
                        <a:pt x="1" y="65"/>
                      </a:lnTo>
                      <a:lnTo>
                        <a:pt x="2" y="59"/>
                      </a:lnTo>
                      <a:lnTo>
                        <a:pt x="2" y="55"/>
                      </a:lnTo>
                      <a:lnTo>
                        <a:pt x="4" y="49"/>
                      </a:lnTo>
                      <a:lnTo>
                        <a:pt x="6" y="45"/>
                      </a:lnTo>
                      <a:lnTo>
                        <a:pt x="7" y="40"/>
                      </a:lnTo>
                      <a:lnTo>
                        <a:pt x="9" y="36"/>
                      </a:lnTo>
                      <a:lnTo>
                        <a:pt x="11" y="31"/>
                      </a:lnTo>
                      <a:lnTo>
                        <a:pt x="14" y="28"/>
                      </a:lnTo>
                      <a:lnTo>
                        <a:pt x="17" y="24"/>
                      </a:lnTo>
                      <a:lnTo>
                        <a:pt x="19" y="21"/>
                      </a:lnTo>
                      <a:lnTo>
                        <a:pt x="23" y="17"/>
                      </a:lnTo>
                      <a:lnTo>
                        <a:pt x="26" y="14"/>
                      </a:lnTo>
                      <a:lnTo>
                        <a:pt x="29" y="11"/>
                      </a:lnTo>
                      <a:lnTo>
                        <a:pt x="33" y="9"/>
                      </a:lnTo>
                      <a:lnTo>
                        <a:pt x="37" y="6"/>
                      </a:lnTo>
                      <a:lnTo>
                        <a:pt x="40" y="4"/>
                      </a:lnTo>
                      <a:lnTo>
                        <a:pt x="45" y="3"/>
                      </a:lnTo>
                      <a:lnTo>
                        <a:pt x="48" y="2"/>
                      </a:lnTo>
                      <a:lnTo>
                        <a:pt x="53" y="1"/>
                      </a:lnTo>
                      <a:lnTo>
                        <a:pt x="57" y="0"/>
                      </a:lnTo>
                      <a:lnTo>
                        <a:pt x="62" y="0"/>
                      </a:lnTo>
                      <a:lnTo>
                        <a:pt x="66" y="0"/>
                      </a:lnTo>
                      <a:lnTo>
                        <a:pt x="72" y="0"/>
                      </a:lnTo>
                      <a:lnTo>
                        <a:pt x="77" y="0"/>
                      </a:lnTo>
                      <a:lnTo>
                        <a:pt x="82" y="1"/>
                      </a:lnTo>
                      <a:lnTo>
                        <a:pt x="86" y="2"/>
                      </a:lnTo>
                      <a:lnTo>
                        <a:pt x="91" y="3"/>
                      </a:lnTo>
                      <a:lnTo>
                        <a:pt x="95" y="4"/>
                      </a:lnTo>
                      <a:lnTo>
                        <a:pt x="100" y="6"/>
                      </a:lnTo>
                      <a:lnTo>
                        <a:pt x="103" y="9"/>
                      </a:lnTo>
                      <a:lnTo>
                        <a:pt x="107" y="11"/>
                      </a:lnTo>
                      <a:lnTo>
                        <a:pt x="111" y="14"/>
                      </a:lnTo>
                      <a:lnTo>
                        <a:pt x="114" y="17"/>
                      </a:lnTo>
                      <a:lnTo>
                        <a:pt x="116" y="21"/>
                      </a:lnTo>
                      <a:lnTo>
                        <a:pt x="120" y="24"/>
                      </a:lnTo>
                      <a:lnTo>
                        <a:pt x="122" y="28"/>
                      </a:lnTo>
                      <a:lnTo>
                        <a:pt x="125" y="32"/>
                      </a:lnTo>
                      <a:lnTo>
                        <a:pt x="126" y="37"/>
                      </a:lnTo>
                      <a:lnTo>
                        <a:pt x="129" y="42"/>
                      </a:lnTo>
                      <a:lnTo>
                        <a:pt x="131" y="48"/>
                      </a:lnTo>
                      <a:lnTo>
                        <a:pt x="132" y="52"/>
                      </a:lnTo>
                      <a:lnTo>
                        <a:pt x="133" y="59"/>
                      </a:lnTo>
                      <a:lnTo>
                        <a:pt x="134" y="65"/>
                      </a:lnTo>
                      <a:lnTo>
                        <a:pt x="134" y="71"/>
                      </a:lnTo>
                      <a:lnTo>
                        <a:pt x="134" y="78"/>
                      </a:lnTo>
                      <a:lnTo>
                        <a:pt x="134" y="86"/>
                      </a:lnTo>
                      <a:lnTo>
                        <a:pt x="39" y="86"/>
                      </a:lnTo>
                      <a:lnTo>
                        <a:pt x="40" y="88"/>
                      </a:lnTo>
                      <a:lnTo>
                        <a:pt x="40" y="91"/>
                      </a:lnTo>
                      <a:lnTo>
                        <a:pt x="40" y="94"/>
                      </a:lnTo>
                      <a:lnTo>
                        <a:pt x="40" y="96"/>
                      </a:lnTo>
                      <a:lnTo>
                        <a:pt x="42" y="98"/>
                      </a:lnTo>
                      <a:lnTo>
                        <a:pt x="43" y="102"/>
                      </a:lnTo>
                      <a:lnTo>
                        <a:pt x="43" y="103"/>
                      </a:lnTo>
                      <a:lnTo>
                        <a:pt x="44" y="105"/>
                      </a:lnTo>
                      <a:lnTo>
                        <a:pt x="45" y="107"/>
                      </a:lnTo>
                      <a:lnTo>
                        <a:pt x="46" y="109"/>
                      </a:lnTo>
                      <a:lnTo>
                        <a:pt x="47" y="111"/>
                      </a:lnTo>
                      <a:lnTo>
                        <a:pt x="48" y="113"/>
                      </a:lnTo>
                      <a:lnTo>
                        <a:pt x="50" y="114"/>
                      </a:lnTo>
                      <a:lnTo>
                        <a:pt x="52" y="115"/>
                      </a:lnTo>
                      <a:lnTo>
                        <a:pt x="54" y="116"/>
                      </a:lnTo>
                      <a:lnTo>
                        <a:pt x="55" y="117"/>
                      </a:lnTo>
                      <a:lnTo>
                        <a:pt x="57" y="118"/>
                      </a:lnTo>
                      <a:lnTo>
                        <a:pt x="59" y="119"/>
                      </a:lnTo>
                      <a:lnTo>
                        <a:pt x="60" y="119"/>
                      </a:lnTo>
                      <a:lnTo>
                        <a:pt x="63" y="121"/>
                      </a:lnTo>
                      <a:lnTo>
                        <a:pt x="65" y="121"/>
                      </a:lnTo>
                      <a:lnTo>
                        <a:pt x="67" y="121"/>
                      </a:lnTo>
                      <a:lnTo>
                        <a:pt x="69" y="121"/>
                      </a:lnTo>
                      <a:lnTo>
                        <a:pt x="71" y="122"/>
                      </a:lnTo>
                      <a:lnTo>
                        <a:pt x="73" y="121"/>
                      </a:lnTo>
                      <a:lnTo>
                        <a:pt x="74" y="121"/>
                      </a:lnTo>
                      <a:lnTo>
                        <a:pt x="75" y="121"/>
                      </a:lnTo>
                      <a:lnTo>
                        <a:pt x="77" y="121"/>
                      </a:lnTo>
                      <a:lnTo>
                        <a:pt x="78" y="121"/>
                      </a:lnTo>
                      <a:lnTo>
                        <a:pt x="79" y="119"/>
                      </a:lnTo>
                      <a:lnTo>
                        <a:pt x="81" y="119"/>
                      </a:lnTo>
                      <a:lnTo>
                        <a:pt x="82" y="119"/>
                      </a:lnTo>
                      <a:lnTo>
                        <a:pt x="83" y="118"/>
                      </a:lnTo>
                      <a:lnTo>
                        <a:pt x="84" y="118"/>
                      </a:lnTo>
                      <a:lnTo>
                        <a:pt x="85" y="117"/>
                      </a:lnTo>
                      <a:lnTo>
                        <a:pt x="86" y="116"/>
                      </a:lnTo>
                      <a:lnTo>
                        <a:pt x="87" y="115"/>
                      </a:lnTo>
                      <a:lnTo>
                        <a:pt x="88" y="114"/>
                      </a:lnTo>
                      <a:lnTo>
                        <a:pt x="90" y="113"/>
                      </a:lnTo>
                      <a:lnTo>
                        <a:pt x="90" y="112"/>
                      </a:lnTo>
                      <a:lnTo>
                        <a:pt x="91" y="111"/>
                      </a:lnTo>
                      <a:lnTo>
                        <a:pt x="92" y="109"/>
                      </a:lnTo>
                      <a:lnTo>
                        <a:pt x="92" y="107"/>
                      </a:lnTo>
                      <a:lnTo>
                        <a:pt x="93" y="106"/>
                      </a:lnTo>
                      <a:lnTo>
                        <a:pt x="93" y="105"/>
                      </a:lnTo>
                      <a:lnTo>
                        <a:pt x="94" y="103"/>
                      </a:lnTo>
                      <a:lnTo>
                        <a:pt x="94" y="102"/>
                      </a:lnTo>
                      <a:close/>
                      <a:moveTo>
                        <a:pt x="96" y="62"/>
                      </a:moveTo>
                      <a:lnTo>
                        <a:pt x="96" y="59"/>
                      </a:lnTo>
                      <a:lnTo>
                        <a:pt x="96" y="57"/>
                      </a:lnTo>
                      <a:lnTo>
                        <a:pt x="96" y="55"/>
                      </a:lnTo>
                      <a:lnTo>
                        <a:pt x="96" y="52"/>
                      </a:lnTo>
                      <a:lnTo>
                        <a:pt x="95" y="50"/>
                      </a:lnTo>
                      <a:lnTo>
                        <a:pt x="95" y="48"/>
                      </a:lnTo>
                      <a:lnTo>
                        <a:pt x="94" y="46"/>
                      </a:lnTo>
                      <a:lnTo>
                        <a:pt x="93" y="43"/>
                      </a:lnTo>
                      <a:lnTo>
                        <a:pt x="93" y="42"/>
                      </a:lnTo>
                      <a:lnTo>
                        <a:pt x="92" y="40"/>
                      </a:lnTo>
                      <a:lnTo>
                        <a:pt x="91" y="39"/>
                      </a:lnTo>
                      <a:lnTo>
                        <a:pt x="88" y="38"/>
                      </a:lnTo>
                      <a:lnTo>
                        <a:pt x="87" y="36"/>
                      </a:lnTo>
                      <a:lnTo>
                        <a:pt x="86" y="34"/>
                      </a:lnTo>
                      <a:lnTo>
                        <a:pt x="84" y="33"/>
                      </a:lnTo>
                      <a:lnTo>
                        <a:pt x="83" y="32"/>
                      </a:lnTo>
                      <a:lnTo>
                        <a:pt x="81" y="31"/>
                      </a:lnTo>
                      <a:lnTo>
                        <a:pt x="79" y="30"/>
                      </a:lnTo>
                      <a:lnTo>
                        <a:pt x="77" y="30"/>
                      </a:lnTo>
                      <a:lnTo>
                        <a:pt x="76" y="29"/>
                      </a:lnTo>
                      <a:lnTo>
                        <a:pt x="74" y="29"/>
                      </a:lnTo>
                      <a:lnTo>
                        <a:pt x="73" y="29"/>
                      </a:lnTo>
                      <a:lnTo>
                        <a:pt x="71" y="29"/>
                      </a:lnTo>
                      <a:lnTo>
                        <a:pt x="68" y="29"/>
                      </a:lnTo>
                      <a:lnTo>
                        <a:pt x="67" y="29"/>
                      </a:lnTo>
                      <a:lnTo>
                        <a:pt x="65" y="29"/>
                      </a:lnTo>
                      <a:lnTo>
                        <a:pt x="63" y="29"/>
                      </a:lnTo>
                      <a:lnTo>
                        <a:pt x="62" y="29"/>
                      </a:lnTo>
                      <a:lnTo>
                        <a:pt x="59" y="30"/>
                      </a:lnTo>
                      <a:lnTo>
                        <a:pt x="57" y="31"/>
                      </a:lnTo>
                      <a:lnTo>
                        <a:pt x="56" y="31"/>
                      </a:lnTo>
                      <a:lnTo>
                        <a:pt x="55" y="32"/>
                      </a:lnTo>
                      <a:lnTo>
                        <a:pt x="53" y="33"/>
                      </a:lnTo>
                      <a:lnTo>
                        <a:pt x="52" y="34"/>
                      </a:lnTo>
                      <a:lnTo>
                        <a:pt x="50" y="36"/>
                      </a:lnTo>
                      <a:lnTo>
                        <a:pt x="48" y="38"/>
                      </a:lnTo>
                      <a:lnTo>
                        <a:pt x="47" y="39"/>
                      </a:lnTo>
                      <a:lnTo>
                        <a:pt x="46" y="41"/>
                      </a:lnTo>
                      <a:lnTo>
                        <a:pt x="45" y="42"/>
                      </a:lnTo>
                      <a:lnTo>
                        <a:pt x="44" y="45"/>
                      </a:lnTo>
                      <a:lnTo>
                        <a:pt x="43" y="47"/>
                      </a:lnTo>
                      <a:lnTo>
                        <a:pt x="43" y="49"/>
                      </a:lnTo>
                      <a:lnTo>
                        <a:pt x="42" y="50"/>
                      </a:lnTo>
                      <a:lnTo>
                        <a:pt x="42" y="52"/>
                      </a:lnTo>
                      <a:lnTo>
                        <a:pt x="42" y="55"/>
                      </a:lnTo>
                      <a:lnTo>
                        <a:pt x="40" y="57"/>
                      </a:lnTo>
                      <a:lnTo>
                        <a:pt x="40" y="59"/>
                      </a:lnTo>
                      <a:lnTo>
                        <a:pt x="40" y="62"/>
                      </a:lnTo>
                      <a:lnTo>
                        <a:pt x="96" y="6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6" name="Freeform 13">
                  <a:extLst>
                    <a:ext uri="{FF2B5EF4-FFF2-40B4-BE49-F238E27FC236}">
                      <a16:creationId xmlns:a16="http://schemas.microsoft.com/office/drawing/2014/main" id="{C62026C1-13B4-4858-A525-93C93B79F829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777" y="3730"/>
                  <a:ext cx="66" cy="74"/>
                </a:xfrm>
                <a:custGeom>
                  <a:avLst/>
                  <a:gdLst>
                    <a:gd name="T0" fmla="*/ 1 w 131"/>
                    <a:gd name="T1" fmla="*/ 1 h 147"/>
                    <a:gd name="T2" fmla="*/ 1 w 131"/>
                    <a:gd name="T3" fmla="*/ 1 h 147"/>
                    <a:gd name="T4" fmla="*/ 1 w 131"/>
                    <a:gd name="T5" fmla="*/ 1 h 147"/>
                    <a:gd name="T6" fmla="*/ 1 w 131"/>
                    <a:gd name="T7" fmla="*/ 1 h 147"/>
                    <a:gd name="T8" fmla="*/ 1 w 131"/>
                    <a:gd name="T9" fmla="*/ 1 h 147"/>
                    <a:gd name="T10" fmla="*/ 1 w 131"/>
                    <a:gd name="T11" fmla="*/ 1 h 147"/>
                    <a:gd name="T12" fmla="*/ 1 w 131"/>
                    <a:gd name="T13" fmla="*/ 1 h 147"/>
                    <a:gd name="T14" fmla="*/ 1 w 131"/>
                    <a:gd name="T15" fmla="*/ 1 h 147"/>
                    <a:gd name="T16" fmla="*/ 1 w 131"/>
                    <a:gd name="T17" fmla="*/ 1 h 147"/>
                    <a:gd name="T18" fmla="*/ 1 w 131"/>
                    <a:gd name="T19" fmla="*/ 1 h 147"/>
                    <a:gd name="T20" fmla="*/ 1 w 131"/>
                    <a:gd name="T21" fmla="*/ 1 h 147"/>
                    <a:gd name="T22" fmla="*/ 1 w 131"/>
                    <a:gd name="T23" fmla="*/ 1 h 147"/>
                    <a:gd name="T24" fmla="*/ 1 w 131"/>
                    <a:gd name="T25" fmla="*/ 1 h 147"/>
                    <a:gd name="T26" fmla="*/ 1 w 131"/>
                    <a:gd name="T27" fmla="*/ 1 h 147"/>
                    <a:gd name="T28" fmla="*/ 1 w 131"/>
                    <a:gd name="T29" fmla="*/ 1 h 147"/>
                    <a:gd name="T30" fmla="*/ 1 w 131"/>
                    <a:gd name="T31" fmla="*/ 1 h 147"/>
                    <a:gd name="T32" fmla="*/ 1 w 131"/>
                    <a:gd name="T33" fmla="*/ 1 h 147"/>
                    <a:gd name="T34" fmla="*/ 1 w 131"/>
                    <a:gd name="T35" fmla="*/ 1 h 147"/>
                    <a:gd name="T36" fmla="*/ 1 w 131"/>
                    <a:gd name="T37" fmla="*/ 1 h 147"/>
                    <a:gd name="T38" fmla="*/ 1 w 131"/>
                    <a:gd name="T39" fmla="*/ 1 h 147"/>
                    <a:gd name="T40" fmla="*/ 1 w 131"/>
                    <a:gd name="T41" fmla="*/ 1 h 147"/>
                    <a:gd name="T42" fmla="*/ 1 w 131"/>
                    <a:gd name="T43" fmla="*/ 1 h 147"/>
                    <a:gd name="T44" fmla="*/ 1 w 131"/>
                    <a:gd name="T45" fmla="*/ 1 h 147"/>
                    <a:gd name="T46" fmla="*/ 1 w 131"/>
                    <a:gd name="T47" fmla="*/ 1 h 147"/>
                    <a:gd name="T48" fmla="*/ 1 w 131"/>
                    <a:gd name="T49" fmla="*/ 1 h 147"/>
                    <a:gd name="T50" fmla="*/ 0 w 131"/>
                    <a:gd name="T51" fmla="*/ 1 h 147"/>
                    <a:gd name="T52" fmla="*/ 1 w 131"/>
                    <a:gd name="T53" fmla="*/ 1 h 147"/>
                    <a:gd name="T54" fmla="*/ 1 w 131"/>
                    <a:gd name="T55" fmla="*/ 1 h 147"/>
                    <a:gd name="T56" fmla="*/ 1 w 131"/>
                    <a:gd name="T57" fmla="*/ 1 h 147"/>
                    <a:gd name="T58" fmla="*/ 1 w 131"/>
                    <a:gd name="T59" fmla="*/ 0 h 147"/>
                    <a:gd name="T60" fmla="*/ 1 w 131"/>
                    <a:gd name="T61" fmla="*/ 0 h 147"/>
                    <a:gd name="T62" fmla="*/ 1 w 131"/>
                    <a:gd name="T63" fmla="*/ 0 h 147"/>
                    <a:gd name="T64" fmla="*/ 1 w 131"/>
                    <a:gd name="T65" fmla="*/ 1 h 147"/>
                    <a:gd name="T66" fmla="*/ 1 w 131"/>
                    <a:gd name="T67" fmla="*/ 1 h 147"/>
                    <a:gd name="T68" fmla="*/ 1 w 131"/>
                    <a:gd name="T69" fmla="*/ 1 h 147"/>
                    <a:gd name="T70" fmla="*/ 1 w 131"/>
                    <a:gd name="T71" fmla="*/ 1 h 147"/>
                    <a:gd name="T72" fmla="*/ 1 w 131"/>
                    <a:gd name="T73" fmla="*/ 1 h 147"/>
                    <a:gd name="T74" fmla="*/ 1 w 131"/>
                    <a:gd name="T75" fmla="*/ 1 h 147"/>
                    <a:gd name="T76" fmla="*/ 1 w 131"/>
                    <a:gd name="T77" fmla="*/ 1 h 147"/>
                    <a:gd name="T78" fmla="*/ 1 w 131"/>
                    <a:gd name="T79" fmla="*/ 1 h 147"/>
                    <a:gd name="T80" fmla="*/ 1 w 131"/>
                    <a:gd name="T81" fmla="*/ 1 h 147"/>
                    <a:gd name="T82" fmla="*/ 1 w 131"/>
                    <a:gd name="T83" fmla="*/ 1 h 147"/>
                    <a:gd name="T84" fmla="*/ 1 w 131"/>
                    <a:gd name="T85" fmla="*/ 1 h 147"/>
                    <a:gd name="T86" fmla="*/ 1 w 131"/>
                    <a:gd name="T87" fmla="*/ 1 h 147"/>
                    <a:gd name="T88" fmla="*/ 1 w 131"/>
                    <a:gd name="T89" fmla="*/ 1 h 147"/>
                    <a:gd name="T90" fmla="*/ 1 w 131"/>
                    <a:gd name="T91" fmla="*/ 1 h 147"/>
                    <a:gd name="T92" fmla="*/ 1 w 131"/>
                    <a:gd name="T93" fmla="*/ 1 h 147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</a:gdLst>
                  <a:ahLst/>
                  <a:cxnLst>
                    <a:cxn ang="T94">
                      <a:pos x="T0" y="T1"/>
                    </a:cxn>
                    <a:cxn ang="T95">
                      <a:pos x="T2" y="T3"/>
                    </a:cxn>
                    <a:cxn ang="T96">
                      <a:pos x="T4" y="T5"/>
                    </a:cxn>
                    <a:cxn ang="T97">
                      <a:pos x="T6" y="T7"/>
                    </a:cxn>
                    <a:cxn ang="T98">
                      <a:pos x="T8" y="T9"/>
                    </a:cxn>
                    <a:cxn ang="T99">
                      <a:pos x="T10" y="T11"/>
                    </a:cxn>
                    <a:cxn ang="T100">
                      <a:pos x="T12" y="T13"/>
                    </a:cxn>
                    <a:cxn ang="T101">
                      <a:pos x="T14" y="T15"/>
                    </a:cxn>
                    <a:cxn ang="T102">
                      <a:pos x="T16" y="T17"/>
                    </a:cxn>
                    <a:cxn ang="T103">
                      <a:pos x="T18" y="T19"/>
                    </a:cxn>
                    <a:cxn ang="T104">
                      <a:pos x="T20" y="T21"/>
                    </a:cxn>
                    <a:cxn ang="T105">
                      <a:pos x="T22" y="T23"/>
                    </a:cxn>
                    <a:cxn ang="T106">
                      <a:pos x="T24" y="T25"/>
                    </a:cxn>
                    <a:cxn ang="T107">
                      <a:pos x="T26" y="T27"/>
                    </a:cxn>
                    <a:cxn ang="T108">
                      <a:pos x="T28" y="T29"/>
                    </a:cxn>
                    <a:cxn ang="T109">
                      <a:pos x="T30" y="T31"/>
                    </a:cxn>
                    <a:cxn ang="T110">
                      <a:pos x="T32" y="T33"/>
                    </a:cxn>
                    <a:cxn ang="T111">
                      <a:pos x="T34" y="T35"/>
                    </a:cxn>
                    <a:cxn ang="T112">
                      <a:pos x="T36" y="T37"/>
                    </a:cxn>
                    <a:cxn ang="T113">
                      <a:pos x="T38" y="T39"/>
                    </a:cxn>
                    <a:cxn ang="T114">
                      <a:pos x="T40" y="T41"/>
                    </a:cxn>
                    <a:cxn ang="T115">
                      <a:pos x="T42" y="T43"/>
                    </a:cxn>
                    <a:cxn ang="T116">
                      <a:pos x="T44" y="T45"/>
                    </a:cxn>
                    <a:cxn ang="T117">
                      <a:pos x="T46" y="T47"/>
                    </a:cxn>
                    <a:cxn ang="T118">
                      <a:pos x="T48" y="T49"/>
                    </a:cxn>
                    <a:cxn ang="T119">
                      <a:pos x="T50" y="T51"/>
                    </a:cxn>
                    <a:cxn ang="T120">
                      <a:pos x="T52" y="T53"/>
                    </a:cxn>
                    <a:cxn ang="T121">
                      <a:pos x="T54" y="T55"/>
                    </a:cxn>
                    <a:cxn ang="T122">
                      <a:pos x="T56" y="T57"/>
                    </a:cxn>
                    <a:cxn ang="T123">
                      <a:pos x="T58" y="T59"/>
                    </a:cxn>
                    <a:cxn ang="T124">
                      <a:pos x="T60" y="T61"/>
                    </a:cxn>
                    <a:cxn ang="T125">
                      <a:pos x="T62" y="T63"/>
                    </a:cxn>
                    <a:cxn ang="T126">
                      <a:pos x="T64" y="T65"/>
                    </a:cxn>
                    <a:cxn ang="T127">
                      <a:pos x="T66" y="T67"/>
                    </a:cxn>
                    <a:cxn ang="T128">
                      <a:pos x="T68" y="T69"/>
                    </a:cxn>
                    <a:cxn ang="T129">
                      <a:pos x="T70" y="T71"/>
                    </a:cxn>
                    <a:cxn ang="T130">
                      <a:pos x="T72" y="T73"/>
                    </a:cxn>
                    <a:cxn ang="T131">
                      <a:pos x="T74" y="T75"/>
                    </a:cxn>
                    <a:cxn ang="T132">
                      <a:pos x="T76" y="T77"/>
                    </a:cxn>
                    <a:cxn ang="T133">
                      <a:pos x="T78" y="T79"/>
                    </a:cxn>
                    <a:cxn ang="T134">
                      <a:pos x="T80" y="T81"/>
                    </a:cxn>
                    <a:cxn ang="T135">
                      <a:pos x="T82" y="T83"/>
                    </a:cxn>
                    <a:cxn ang="T136">
                      <a:pos x="T84" y="T85"/>
                    </a:cxn>
                    <a:cxn ang="T137">
                      <a:pos x="T86" y="T87"/>
                    </a:cxn>
                    <a:cxn ang="T138">
                      <a:pos x="T88" y="T89"/>
                    </a:cxn>
                    <a:cxn ang="T139">
                      <a:pos x="T90" y="T91"/>
                    </a:cxn>
                    <a:cxn ang="T140">
                      <a:pos x="T92" y="T93"/>
                    </a:cxn>
                  </a:cxnLst>
                  <a:rect l="0" t="0" r="r" b="b"/>
                  <a:pathLst>
                    <a:path w="131" h="147">
                      <a:moveTo>
                        <a:pt x="131" y="147"/>
                      </a:moveTo>
                      <a:lnTo>
                        <a:pt x="93" y="147"/>
                      </a:lnTo>
                      <a:lnTo>
                        <a:pt x="93" y="74"/>
                      </a:lnTo>
                      <a:lnTo>
                        <a:pt x="93" y="69"/>
                      </a:lnTo>
                      <a:lnTo>
                        <a:pt x="93" y="66"/>
                      </a:lnTo>
                      <a:lnTo>
                        <a:pt x="93" y="62"/>
                      </a:lnTo>
                      <a:lnTo>
                        <a:pt x="93" y="59"/>
                      </a:lnTo>
                      <a:lnTo>
                        <a:pt x="93" y="57"/>
                      </a:lnTo>
                      <a:lnTo>
                        <a:pt x="93" y="53"/>
                      </a:lnTo>
                      <a:lnTo>
                        <a:pt x="93" y="51"/>
                      </a:lnTo>
                      <a:lnTo>
                        <a:pt x="93" y="49"/>
                      </a:lnTo>
                      <a:lnTo>
                        <a:pt x="92" y="47"/>
                      </a:lnTo>
                      <a:lnTo>
                        <a:pt x="92" y="46"/>
                      </a:lnTo>
                      <a:lnTo>
                        <a:pt x="92" y="45"/>
                      </a:lnTo>
                      <a:lnTo>
                        <a:pt x="91" y="43"/>
                      </a:lnTo>
                      <a:lnTo>
                        <a:pt x="91" y="42"/>
                      </a:lnTo>
                      <a:lnTo>
                        <a:pt x="91" y="41"/>
                      </a:lnTo>
                      <a:lnTo>
                        <a:pt x="90" y="40"/>
                      </a:lnTo>
                      <a:lnTo>
                        <a:pt x="90" y="39"/>
                      </a:lnTo>
                      <a:lnTo>
                        <a:pt x="89" y="38"/>
                      </a:lnTo>
                      <a:lnTo>
                        <a:pt x="89" y="37"/>
                      </a:lnTo>
                      <a:lnTo>
                        <a:pt x="88" y="37"/>
                      </a:lnTo>
                      <a:lnTo>
                        <a:pt x="86" y="36"/>
                      </a:lnTo>
                      <a:lnTo>
                        <a:pt x="86" y="34"/>
                      </a:lnTo>
                      <a:lnTo>
                        <a:pt x="85" y="34"/>
                      </a:lnTo>
                      <a:lnTo>
                        <a:pt x="84" y="33"/>
                      </a:lnTo>
                      <a:lnTo>
                        <a:pt x="83" y="33"/>
                      </a:lnTo>
                      <a:lnTo>
                        <a:pt x="83" y="32"/>
                      </a:lnTo>
                      <a:lnTo>
                        <a:pt x="82" y="31"/>
                      </a:lnTo>
                      <a:lnTo>
                        <a:pt x="81" y="31"/>
                      </a:lnTo>
                      <a:lnTo>
                        <a:pt x="80" y="30"/>
                      </a:lnTo>
                      <a:lnTo>
                        <a:pt x="79" y="30"/>
                      </a:lnTo>
                      <a:lnTo>
                        <a:pt x="78" y="29"/>
                      </a:lnTo>
                      <a:lnTo>
                        <a:pt x="76" y="29"/>
                      </a:lnTo>
                      <a:lnTo>
                        <a:pt x="75" y="29"/>
                      </a:lnTo>
                      <a:lnTo>
                        <a:pt x="74" y="29"/>
                      </a:lnTo>
                      <a:lnTo>
                        <a:pt x="73" y="29"/>
                      </a:lnTo>
                      <a:lnTo>
                        <a:pt x="72" y="29"/>
                      </a:lnTo>
                      <a:lnTo>
                        <a:pt x="70" y="29"/>
                      </a:lnTo>
                      <a:lnTo>
                        <a:pt x="69" y="29"/>
                      </a:lnTo>
                      <a:lnTo>
                        <a:pt x="67" y="29"/>
                      </a:lnTo>
                      <a:lnTo>
                        <a:pt x="65" y="29"/>
                      </a:lnTo>
                      <a:lnTo>
                        <a:pt x="64" y="29"/>
                      </a:lnTo>
                      <a:lnTo>
                        <a:pt x="62" y="29"/>
                      </a:lnTo>
                      <a:lnTo>
                        <a:pt x="61" y="30"/>
                      </a:lnTo>
                      <a:lnTo>
                        <a:pt x="60" y="30"/>
                      </a:lnTo>
                      <a:lnTo>
                        <a:pt x="57" y="31"/>
                      </a:lnTo>
                      <a:lnTo>
                        <a:pt x="56" y="31"/>
                      </a:lnTo>
                      <a:lnTo>
                        <a:pt x="55" y="32"/>
                      </a:lnTo>
                      <a:lnTo>
                        <a:pt x="54" y="33"/>
                      </a:lnTo>
                      <a:lnTo>
                        <a:pt x="52" y="34"/>
                      </a:lnTo>
                      <a:lnTo>
                        <a:pt x="51" y="34"/>
                      </a:lnTo>
                      <a:lnTo>
                        <a:pt x="50" y="36"/>
                      </a:lnTo>
                      <a:lnTo>
                        <a:pt x="48" y="37"/>
                      </a:lnTo>
                      <a:lnTo>
                        <a:pt x="47" y="38"/>
                      </a:lnTo>
                      <a:lnTo>
                        <a:pt x="46" y="39"/>
                      </a:lnTo>
                      <a:lnTo>
                        <a:pt x="45" y="40"/>
                      </a:lnTo>
                      <a:lnTo>
                        <a:pt x="45" y="41"/>
                      </a:lnTo>
                      <a:lnTo>
                        <a:pt x="44" y="43"/>
                      </a:lnTo>
                      <a:lnTo>
                        <a:pt x="43" y="45"/>
                      </a:lnTo>
                      <a:lnTo>
                        <a:pt x="43" y="46"/>
                      </a:lnTo>
                      <a:lnTo>
                        <a:pt x="42" y="47"/>
                      </a:lnTo>
                      <a:lnTo>
                        <a:pt x="41" y="49"/>
                      </a:lnTo>
                      <a:lnTo>
                        <a:pt x="41" y="50"/>
                      </a:lnTo>
                      <a:lnTo>
                        <a:pt x="41" y="52"/>
                      </a:lnTo>
                      <a:lnTo>
                        <a:pt x="41" y="53"/>
                      </a:lnTo>
                      <a:lnTo>
                        <a:pt x="40" y="56"/>
                      </a:lnTo>
                      <a:lnTo>
                        <a:pt x="40" y="59"/>
                      </a:lnTo>
                      <a:lnTo>
                        <a:pt x="40" y="61"/>
                      </a:lnTo>
                      <a:lnTo>
                        <a:pt x="40" y="65"/>
                      </a:lnTo>
                      <a:lnTo>
                        <a:pt x="40" y="67"/>
                      </a:lnTo>
                      <a:lnTo>
                        <a:pt x="40" y="70"/>
                      </a:lnTo>
                      <a:lnTo>
                        <a:pt x="40" y="75"/>
                      </a:lnTo>
                      <a:lnTo>
                        <a:pt x="40" y="78"/>
                      </a:lnTo>
                      <a:lnTo>
                        <a:pt x="38" y="83"/>
                      </a:lnTo>
                      <a:lnTo>
                        <a:pt x="38" y="147"/>
                      </a:lnTo>
                      <a:lnTo>
                        <a:pt x="0" y="147"/>
                      </a:lnTo>
                      <a:lnTo>
                        <a:pt x="0" y="3"/>
                      </a:lnTo>
                      <a:lnTo>
                        <a:pt x="35" y="3"/>
                      </a:lnTo>
                      <a:lnTo>
                        <a:pt x="35" y="24"/>
                      </a:lnTo>
                      <a:lnTo>
                        <a:pt x="38" y="20"/>
                      </a:lnTo>
                      <a:lnTo>
                        <a:pt x="42" y="17"/>
                      </a:lnTo>
                      <a:lnTo>
                        <a:pt x="46" y="13"/>
                      </a:lnTo>
                      <a:lnTo>
                        <a:pt x="50" y="10"/>
                      </a:lnTo>
                      <a:lnTo>
                        <a:pt x="53" y="8"/>
                      </a:lnTo>
                      <a:lnTo>
                        <a:pt x="57" y="5"/>
                      </a:lnTo>
                      <a:lnTo>
                        <a:pt x="61" y="3"/>
                      </a:lnTo>
                      <a:lnTo>
                        <a:pt x="65" y="2"/>
                      </a:lnTo>
                      <a:lnTo>
                        <a:pt x="70" y="1"/>
                      </a:lnTo>
                      <a:lnTo>
                        <a:pt x="74" y="0"/>
                      </a:lnTo>
                      <a:lnTo>
                        <a:pt x="79" y="0"/>
                      </a:lnTo>
                      <a:lnTo>
                        <a:pt x="83" y="0"/>
                      </a:lnTo>
                      <a:lnTo>
                        <a:pt x="85" y="0"/>
                      </a:lnTo>
                      <a:lnTo>
                        <a:pt x="88" y="0"/>
                      </a:lnTo>
                      <a:lnTo>
                        <a:pt x="90" y="0"/>
                      </a:lnTo>
                      <a:lnTo>
                        <a:pt x="92" y="0"/>
                      </a:lnTo>
                      <a:lnTo>
                        <a:pt x="93" y="0"/>
                      </a:lnTo>
                      <a:lnTo>
                        <a:pt x="95" y="1"/>
                      </a:lnTo>
                      <a:lnTo>
                        <a:pt x="98" y="1"/>
                      </a:lnTo>
                      <a:lnTo>
                        <a:pt x="99" y="1"/>
                      </a:lnTo>
                      <a:lnTo>
                        <a:pt x="101" y="2"/>
                      </a:lnTo>
                      <a:lnTo>
                        <a:pt x="102" y="2"/>
                      </a:lnTo>
                      <a:lnTo>
                        <a:pt x="104" y="3"/>
                      </a:lnTo>
                      <a:lnTo>
                        <a:pt x="105" y="4"/>
                      </a:lnTo>
                      <a:lnTo>
                        <a:pt x="108" y="4"/>
                      </a:lnTo>
                      <a:lnTo>
                        <a:pt x="110" y="5"/>
                      </a:lnTo>
                      <a:lnTo>
                        <a:pt x="111" y="6"/>
                      </a:lnTo>
                      <a:lnTo>
                        <a:pt x="113" y="8"/>
                      </a:lnTo>
                      <a:lnTo>
                        <a:pt x="114" y="8"/>
                      </a:lnTo>
                      <a:lnTo>
                        <a:pt x="116" y="9"/>
                      </a:lnTo>
                      <a:lnTo>
                        <a:pt x="117" y="10"/>
                      </a:lnTo>
                      <a:lnTo>
                        <a:pt x="119" y="11"/>
                      </a:lnTo>
                      <a:lnTo>
                        <a:pt x="120" y="12"/>
                      </a:lnTo>
                      <a:lnTo>
                        <a:pt x="121" y="13"/>
                      </a:lnTo>
                      <a:lnTo>
                        <a:pt x="122" y="14"/>
                      </a:lnTo>
                      <a:lnTo>
                        <a:pt x="122" y="17"/>
                      </a:lnTo>
                      <a:lnTo>
                        <a:pt x="123" y="18"/>
                      </a:lnTo>
                      <a:lnTo>
                        <a:pt x="124" y="19"/>
                      </a:lnTo>
                      <a:lnTo>
                        <a:pt x="124" y="20"/>
                      </a:lnTo>
                      <a:lnTo>
                        <a:pt x="126" y="21"/>
                      </a:lnTo>
                      <a:lnTo>
                        <a:pt x="126" y="22"/>
                      </a:lnTo>
                      <a:lnTo>
                        <a:pt x="127" y="23"/>
                      </a:lnTo>
                      <a:lnTo>
                        <a:pt x="127" y="24"/>
                      </a:lnTo>
                      <a:lnTo>
                        <a:pt x="128" y="26"/>
                      </a:lnTo>
                      <a:lnTo>
                        <a:pt x="128" y="28"/>
                      </a:lnTo>
                      <a:lnTo>
                        <a:pt x="129" y="29"/>
                      </a:lnTo>
                      <a:lnTo>
                        <a:pt x="129" y="30"/>
                      </a:lnTo>
                      <a:lnTo>
                        <a:pt x="129" y="32"/>
                      </a:lnTo>
                      <a:lnTo>
                        <a:pt x="130" y="33"/>
                      </a:lnTo>
                      <a:lnTo>
                        <a:pt x="130" y="34"/>
                      </a:lnTo>
                      <a:lnTo>
                        <a:pt x="130" y="37"/>
                      </a:lnTo>
                      <a:lnTo>
                        <a:pt x="131" y="39"/>
                      </a:lnTo>
                      <a:lnTo>
                        <a:pt x="131" y="40"/>
                      </a:lnTo>
                      <a:lnTo>
                        <a:pt x="131" y="42"/>
                      </a:lnTo>
                      <a:lnTo>
                        <a:pt x="131" y="45"/>
                      </a:lnTo>
                      <a:lnTo>
                        <a:pt x="131" y="47"/>
                      </a:lnTo>
                      <a:lnTo>
                        <a:pt x="131" y="49"/>
                      </a:lnTo>
                      <a:lnTo>
                        <a:pt x="131" y="52"/>
                      </a:lnTo>
                      <a:lnTo>
                        <a:pt x="131" y="55"/>
                      </a:lnTo>
                      <a:lnTo>
                        <a:pt x="131" y="58"/>
                      </a:lnTo>
                      <a:lnTo>
                        <a:pt x="131" y="14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7" name="Freeform 14">
                  <a:extLst>
                    <a:ext uri="{FF2B5EF4-FFF2-40B4-BE49-F238E27FC236}">
                      <a16:creationId xmlns:a16="http://schemas.microsoft.com/office/drawing/2014/main" id="{43E9A39E-025D-40FB-A612-A2BAEED6C7B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862" y="3730"/>
                  <a:ext cx="65" cy="74"/>
                </a:xfrm>
                <a:custGeom>
                  <a:avLst/>
                  <a:gdLst>
                    <a:gd name="T0" fmla="*/ 0 w 132"/>
                    <a:gd name="T1" fmla="*/ 1 h 147"/>
                    <a:gd name="T2" fmla="*/ 0 w 132"/>
                    <a:gd name="T3" fmla="*/ 1 h 147"/>
                    <a:gd name="T4" fmla="*/ 0 w 132"/>
                    <a:gd name="T5" fmla="*/ 1 h 147"/>
                    <a:gd name="T6" fmla="*/ 0 w 132"/>
                    <a:gd name="T7" fmla="*/ 1 h 147"/>
                    <a:gd name="T8" fmla="*/ 0 w 132"/>
                    <a:gd name="T9" fmla="*/ 1 h 147"/>
                    <a:gd name="T10" fmla="*/ 0 w 132"/>
                    <a:gd name="T11" fmla="*/ 1 h 147"/>
                    <a:gd name="T12" fmla="*/ 0 w 132"/>
                    <a:gd name="T13" fmla="*/ 1 h 147"/>
                    <a:gd name="T14" fmla="*/ 0 w 132"/>
                    <a:gd name="T15" fmla="*/ 1 h 147"/>
                    <a:gd name="T16" fmla="*/ 0 w 132"/>
                    <a:gd name="T17" fmla="*/ 1 h 147"/>
                    <a:gd name="T18" fmla="*/ 0 w 132"/>
                    <a:gd name="T19" fmla="*/ 1 h 147"/>
                    <a:gd name="T20" fmla="*/ 0 w 132"/>
                    <a:gd name="T21" fmla="*/ 1 h 147"/>
                    <a:gd name="T22" fmla="*/ 0 w 132"/>
                    <a:gd name="T23" fmla="*/ 1 h 147"/>
                    <a:gd name="T24" fmla="*/ 0 w 132"/>
                    <a:gd name="T25" fmla="*/ 1 h 147"/>
                    <a:gd name="T26" fmla="*/ 0 w 132"/>
                    <a:gd name="T27" fmla="*/ 1 h 147"/>
                    <a:gd name="T28" fmla="*/ 0 w 132"/>
                    <a:gd name="T29" fmla="*/ 1 h 147"/>
                    <a:gd name="T30" fmla="*/ 0 w 132"/>
                    <a:gd name="T31" fmla="*/ 1 h 147"/>
                    <a:gd name="T32" fmla="*/ 0 w 132"/>
                    <a:gd name="T33" fmla="*/ 1 h 147"/>
                    <a:gd name="T34" fmla="*/ 0 w 132"/>
                    <a:gd name="T35" fmla="*/ 1 h 147"/>
                    <a:gd name="T36" fmla="*/ 0 w 132"/>
                    <a:gd name="T37" fmla="*/ 1 h 147"/>
                    <a:gd name="T38" fmla="*/ 0 w 132"/>
                    <a:gd name="T39" fmla="*/ 1 h 147"/>
                    <a:gd name="T40" fmla="*/ 0 w 132"/>
                    <a:gd name="T41" fmla="*/ 1 h 147"/>
                    <a:gd name="T42" fmla="*/ 0 w 132"/>
                    <a:gd name="T43" fmla="*/ 1 h 147"/>
                    <a:gd name="T44" fmla="*/ 0 w 132"/>
                    <a:gd name="T45" fmla="*/ 1 h 147"/>
                    <a:gd name="T46" fmla="*/ 0 w 132"/>
                    <a:gd name="T47" fmla="*/ 1 h 147"/>
                    <a:gd name="T48" fmla="*/ 0 w 132"/>
                    <a:gd name="T49" fmla="*/ 1 h 147"/>
                    <a:gd name="T50" fmla="*/ 0 w 132"/>
                    <a:gd name="T51" fmla="*/ 1 h 147"/>
                    <a:gd name="T52" fmla="*/ 0 w 132"/>
                    <a:gd name="T53" fmla="*/ 1 h 147"/>
                    <a:gd name="T54" fmla="*/ 0 w 132"/>
                    <a:gd name="T55" fmla="*/ 1 h 147"/>
                    <a:gd name="T56" fmla="*/ 0 w 132"/>
                    <a:gd name="T57" fmla="*/ 1 h 147"/>
                    <a:gd name="T58" fmla="*/ 0 w 132"/>
                    <a:gd name="T59" fmla="*/ 0 h 147"/>
                    <a:gd name="T60" fmla="*/ 0 w 132"/>
                    <a:gd name="T61" fmla="*/ 0 h 147"/>
                    <a:gd name="T62" fmla="*/ 0 w 132"/>
                    <a:gd name="T63" fmla="*/ 0 h 147"/>
                    <a:gd name="T64" fmla="*/ 0 w 132"/>
                    <a:gd name="T65" fmla="*/ 1 h 147"/>
                    <a:gd name="T66" fmla="*/ 0 w 132"/>
                    <a:gd name="T67" fmla="*/ 1 h 147"/>
                    <a:gd name="T68" fmla="*/ 0 w 132"/>
                    <a:gd name="T69" fmla="*/ 1 h 147"/>
                    <a:gd name="T70" fmla="*/ 0 w 132"/>
                    <a:gd name="T71" fmla="*/ 1 h 147"/>
                    <a:gd name="T72" fmla="*/ 0 w 132"/>
                    <a:gd name="T73" fmla="*/ 1 h 147"/>
                    <a:gd name="T74" fmla="*/ 0 w 132"/>
                    <a:gd name="T75" fmla="*/ 1 h 147"/>
                    <a:gd name="T76" fmla="*/ 0 w 132"/>
                    <a:gd name="T77" fmla="*/ 1 h 147"/>
                    <a:gd name="T78" fmla="*/ 0 w 132"/>
                    <a:gd name="T79" fmla="*/ 1 h 147"/>
                    <a:gd name="T80" fmla="*/ 0 w 132"/>
                    <a:gd name="T81" fmla="*/ 1 h 147"/>
                    <a:gd name="T82" fmla="*/ 0 w 132"/>
                    <a:gd name="T83" fmla="*/ 1 h 147"/>
                    <a:gd name="T84" fmla="*/ 0 w 132"/>
                    <a:gd name="T85" fmla="*/ 1 h 147"/>
                    <a:gd name="T86" fmla="*/ 0 w 132"/>
                    <a:gd name="T87" fmla="*/ 1 h 147"/>
                    <a:gd name="T88" fmla="*/ 0 w 132"/>
                    <a:gd name="T89" fmla="*/ 1 h 147"/>
                    <a:gd name="T90" fmla="*/ 0 w 132"/>
                    <a:gd name="T91" fmla="*/ 1 h 147"/>
                    <a:gd name="T92" fmla="*/ 0 w 132"/>
                    <a:gd name="T93" fmla="*/ 1 h 147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</a:gdLst>
                  <a:ahLst/>
                  <a:cxnLst>
                    <a:cxn ang="T94">
                      <a:pos x="T0" y="T1"/>
                    </a:cxn>
                    <a:cxn ang="T95">
                      <a:pos x="T2" y="T3"/>
                    </a:cxn>
                    <a:cxn ang="T96">
                      <a:pos x="T4" y="T5"/>
                    </a:cxn>
                    <a:cxn ang="T97">
                      <a:pos x="T6" y="T7"/>
                    </a:cxn>
                    <a:cxn ang="T98">
                      <a:pos x="T8" y="T9"/>
                    </a:cxn>
                    <a:cxn ang="T99">
                      <a:pos x="T10" y="T11"/>
                    </a:cxn>
                    <a:cxn ang="T100">
                      <a:pos x="T12" y="T13"/>
                    </a:cxn>
                    <a:cxn ang="T101">
                      <a:pos x="T14" y="T15"/>
                    </a:cxn>
                    <a:cxn ang="T102">
                      <a:pos x="T16" y="T17"/>
                    </a:cxn>
                    <a:cxn ang="T103">
                      <a:pos x="T18" y="T19"/>
                    </a:cxn>
                    <a:cxn ang="T104">
                      <a:pos x="T20" y="T21"/>
                    </a:cxn>
                    <a:cxn ang="T105">
                      <a:pos x="T22" y="T23"/>
                    </a:cxn>
                    <a:cxn ang="T106">
                      <a:pos x="T24" y="T25"/>
                    </a:cxn>
                    <a:cxn ang="T107">
                      <a:pos x="T26" y="T27"/>
                    </a:cxn>
                    <a:cxn ang="T108">
                      <a:pos x="T28" y="T29"/>
                    </a:cxn>
                    <a:cxn ang="T109">
                      <a:pos x="T30" y="T31"/>
                    </a:cxn>
                    <a:cxn ang="T110">
                      <a:pos x="T32" y="T33"/>
                    </a:cxn>
                    <a:cxn ang="T111">
                      <a:pos x="T34" y="T35"/>
                    </a:cxn>
                    <a:cxn ang="T112">
                      <a:pos x="T36" y="T37"/>
                    </a:cxn>
                    <a:cxn ang="T113">
                      <a:pos x="T38" y="T39"/>
                    </a:cxn>
                    <a:cxn ang="T114">
                      <a:pos x="T40" y="T41"/>
                    </a:cxn>
                    <a:cxn ang="T115">
                      <a:pos x="T42" y="T43"/>
                    </a:cxn>
                    <a:cxn ang="T116">
                      <a:pos x="T44" y="T45"/>
                    </a:cxn>
                    <a:cxn ang="T117">
                      <a:pos x="T46" y="T47"/>
                    </a:cxn>
                    <a:cxn ang="T118">
                      <a:pos x="T48" y="T49"/>
                    </a:cxn>
                    <a:cxn ang="T119">
                      <a:pos x="T50" y="T51"/>
                    </a:cxn>
                    <a:cxn ang="T120">
                      <a:pos x="T52" y="T53"/>
                    </a:cxn>
                    <a:cxn ang="T121">
                      <a:pos x="T54" y="T55"/>
                    </a:cxn>
                    <a:cxn ang="T122">
                      <a:pos x="T56" y="T57"/>
                    </a:cxn>
                    <a:cxn ang="T123">
                      <a:pos x="T58" y="T59"/>
                    </a:cxn>
                    <a:cxn ang="T124">
                      <a:pos x="T60" y="T61"/>
                    </a:cxn>
                    <a:cxn ang="T125">
                      <a:pos x="T62" y="T63"/>
                    </a:cxn>
                    <a:cxn ang="T126">
                      <a:pos x="T64" y="T65"/>
                    </a:cxn>
                    <a:cxn ang="T127">
                      <a:pos x="T66" y="T67"/>
                    </a:cxn>
                    <a:cxn ang="T128">
                      <a:pos x="T68" y="T69"/>
                    </a:cxn>
                    <a:cxn ang="T129">
                      <a:pos x="T70" y="T71"/>
                    </a:cxn>
                    <a:cxn ang="T130">
                      <a:pos x="T72" y="T73"/>
                    </a:cxn>
                    <a:cxn ang="T131">
                      <a:pos x="T74" y="T75"/>
                    </a:cxn>
                    <a:cxn ang="T132">
                      <a:pos x="T76" y="T77"/>
                    </a:cxn>
                    <a:cxn ang="T133">
                      <a:pos x="T78" y="T79"/>
                    </a:cxn>
                    <a:cxn ang="T134">
                      <a:pos x="T80" y="T81"/>
                    </a:cxn>
                    <a:cxn ang="T135">
                      <a:pos x="T82" y="T83"/>
                    </a:cxn>
                    <a:cxn ang="T136">
                      <a:pos x="T84" y="T85"/>
                    </a:cxn>
                    <a:cxn ang="T137">
                      <a:pos x="T86" y="T87"/>
                    </a:cxn>
                    <a:cxn ang="T138">
                      <a:pos x="T88" y="T89"/>
                    </a:cxn>
                    <a:cxn ang="T139">
                      <a:pos x="T90" y="T91"/>
                    </a:cxn>
                    <a:cxn ang="T140">
                      <a:pos x="T92" y="T93"/>
                    </a:cxn>
                  </a:cxnLst>
                  <a:rect l="0" t="0" r="r" b="b"/>
                  <a:pathLst>
                    <a:path w="132" h="147">
                      <a:moveTo>
                        <a:pt x="132" y="147"/>
                      </a:moveTo>
                      <a:lnTo>
                        <a:pt x="94" y="147"/>
                      </a:lnTo>
                      <a:lnTo>
                        <a:pt x="94" y="74"/>
                      </a:lnTo>
                      <a:lnTo>
                        <a:pt x="94" y="69"/>
                      </a:lnTo>
                      <a:lnTo>
                        <a:pt x="94" y="66"/>
                      </a:lnTo>
                      <a:lnTo>
                        <a:pt x="94" y="62"/>
                      </a:lnTo>
                      <a:lnTo>
                        <a:pt x="94" y="59"/>
                      </a:lnTo>
                      <a:lnTo>
                        <a:pt x="94" y="57"/>
                      </a:lnTo>
                      <a:lnTo>
                        <a:pt x="94" y="53"/>
                      </a:lnTo>
                      <a:lnTo>
                        <a:pt x="93" y="51"/>
                      </a:lnTo>
                      <a:lnTo>
                        <a:pt x="93" y="49"/>
                      </a:lnTo>
                      <a:lnTo>
                        <a:pt x="93" y="47"/>
                      </a:lnTo>
                      <a:lnTo>
                        <a:pt x="92" y="46"/>
                      </a:lnTo>
                      <a:lnTo>
                        <a:pt x="92" y="45"/>
                      </a:lnTo>
                      <a:lnTo>
                        <a:pt x="91" y="43"/>
                      </a:lnTo>
                      <a:lnTo>
                        <a:pt x="91" y="42"/>
                      </a:lnTo>
                      <a:lnTo>
                        <a:pt x="91" y="41"/>
                      </a:lnTo>
                      <a:lnTo>
                        <a:pt x="90" y="40"/>
                      </a:lnTo>
                      <a:lnTo>
                        <a:pt x="90" y="39"/>
                      </a:lnTo>
                      <a:lnTo>
                        <a:pt x="88" y="38"/>
                      </a:lnTo>
                      <a:lnTo>
                        <a:pt x="88" y="37"/>
                      </a:lnTo>
                      <a:lnTo>
                        <a:pt x="87" y="37"/>
                      </a:lnTo>
                      <a:lnTo>
                        <a:pt x="86" y="36"/>
                      </a:lnTo>
                      <a:lnTo>
                        <a:pt x="86" y="34"/>
                      </a:lnTo>
                      <a:lnTo>
                        <a:pt x="85" y="34"/>
                      </a:lnTo>
                      <a:lnTo>
                        <a:pt x="84" y="33"/>
                      </a:lnTo>
                      <a:lnTo>
                        <a:pt x="83" y="33"/>
                      </a:lnTo>
                      <a:lnTo>
                        <a:pt x="83" y="32"/>
                      </a:lnTo>
                      <a:lnTo>
                        <a:pt x="82" y="31"/>
                      </a:lnTo>
                      <a:lnTo>
                        <a:pt x="81" y="31"/>
                      </a:lnTo>
                      <a:lnTo>
                        <a:pt x="79" y="30"/>
                      </a:lnTo>
                      <a:lnTo>
                        <a:pt x="78" y="30"/>
                      </a:lnTo>
                      <a:lnTo>
                        <a:pt x="77" y="29"/>
                      </a:lnTo>
                      <a:lnTo>
                        <a:pt x="76" y="29"/>
                      </a:lnTo>
                      <a:lnTo>
                        <a:pt x="75" y="29"/>
                      </a:lnTo>
                      <a:lnTo>
                        <a:pt x="74" y="29"/>
                      </a:lnTo>
                      <a:lnTo>
                        <a:pt x="73" y="29"/>
                      </a:lnTo>
                      <a:lnTo>
                        <a:pt x="72" y="29"/>
                      </a:lnTo>
                      <a:lnTo>
                        <a:pt x="69" y="29"/>
                      </a:lnTo>
                      <a:lnTo>
                        <a:pt x="68" y="29"/>
                      </a:lnTo>
                      <a:lnTo>
                        <a:pt x="67" y="29"/>
                      </a:lnTo>
                      <a:lnTo>
                        <a:pt x="65" y="29"/>
                      </a:lnTo>
                      <a:lnTo>
                        <a:pt x="64" y="29"/>
                      </a:lnTo>
                      <a:lnTo>
                        <a:pt x="62" y="29"/>
                      </a:lnTo>
                      <a:lnTo>
                        <a:pt x="60" y="30"/>
                      </a:lnTo>
                      <a:lnTo>
                        <a:pt x="59" y="30"/>
                      </a:lnTo>
                      <a:lnTo>
                        <a:pt x="57" y="31"/>
                      </a:lnTo>
                      <a:lnTo>
                        <a:pt x="56" y="31"/>
                      </a:lnTo>
                      <a:lnTo>
                        <a:pt x="55" y="32"/>
                      </a:lnTo>
                      <a:lnTo>
                        <a:pt x="54" y="33"/>
                      </a:lnTo>
                      <a:lnTo>
                        <a:pt x="52" y="34"/>
                      </a:lnTo>
                      <a:lnTo>
                        <a:pt x="50" y="34"/>
                      </a:lnTo>
                      <a:lnTo>
                        <a:pt x="49" y="36"/>
                      </a:lnTo>
                      <a:lnTo>
                        <a:pt x="48" y="37"/>
                      </a:lnTo>
                      <a:lnTo>
                        <a:pt x="47" y="38"/>
                      </a:lnTo>
                      <a:lnTo>
                        <a:pt x="46" y="39"/>
                      </a:lnTo>
                      <a:lnTo>
                        <a:pt x="45" y="40"/>
                      </a:lnTo>
                      <a:lnTo>
                        <a:pt x="45" y="41"/>
                      </a:lnTo>
                      <a:lnTo>
                        <a:pt x="44" y="43"/>
                      </a:lnTo>
                      <a:lnTo>
                        <a:pt x="43" y="45"/>
                      </a:lnTo>
                      <a:lnTo>
                        <a:pt x="43" y="46"/>
                      </a:lnTo>
                      <a:lnTo>
                        <a:pt x="41" y="47"/>
                      </a:lnTo>
                      <a:lnTo>
                        <a:pt x="40" y="49"/>
                      </a:lnTo>
                      <a:lnTo>
                        <a:pt x="40" y="50"/>
                      </a:lnTo>
                      <a:lnTo>
                        <a:pt x="40" y="52"/>
                      </a:lnTo>
                      <a:lnTo>
                        <a:pt x="40" y="53"/>
                      </a:lnTo>
                      <a:lnTo>
                        <a:pt x="39" y="56"/>
                      </a:lnTo>
                      <a:lnTo>
                        <a:pt x="39" y="59"/>
                      </a:lnTo>
                      <a:lnTo>
                        <a:pt x="39" y="61"/>
                      </a:lnTo>
                      <a:lnTo>
                        <a:pt x="39" y="65"/>
                      </a:lnTo>
                      <a:lnTo>
                        <a:pt x="39" y="67"/>
                      </a:lnTo>
                      <a:lnTo>
                        <a:pt x="39" y="70"/>
                      </a:lnTo>
                      <a:lnTo>
                        <a:pt x="39" y="75"/>
                      </a:lnTo>
                      <a:lnTo>
                        <a:pt x="39" y="78"/>
                      </a:lnTo>
                      <a:lnTo>
                        <a:pt x="38" y="83"/>
                      </a:lnTo>
                      <a:lnTo>
                        <a:pt x="38" y="147"/>
                      </a:lnTo>
                      <a:lnTo>
                        <a:pt x="0" y="147"/>
                      </a:lnTo>
                      <a:lnTo>
                        <a:pt x="0" y="3"/>
                      </a:lnTo>
                      <a:lnTo>
                        <a:pt x="36" y="3"/>
                      </a:lnTo>
                      <a:lnTo>
                        <a:pt x="36" y="24"/>
                      </a:lnTo>
                      <a:lnTo>
                        <a:pt x="39" y="20"/>
                      </a:lnTo>
                      <a:lnTo>
                        <a:pt x="43" y="17"/>
                      </a:lnTo>
                      <a:lnTo>
                        <a:pt x="46" y="13"/>
                      </a:lnTo>
                      <a:lnTo>
                        <a:pt x="49" y="10"/>
                      </a:lnTo>
                      <a:lnTo>
                        <a:pt x="54" y="8"/>
                      </a:lnTo>
                      <a:lnTo>
                        <a:pt x="57" y="5"/>
                      </a:lnTo>
                      <a:lnTo>
                        <a:pt x="62" y="3"/>
                      </a:lnTo>
                      <a:lnTo>
                        <a:pt x="65" y="2"/>
                      </a:lnTo>
                      <a:lnTo>
                        <a:pt x="69" y="1"/>
                      </a:lnTo>
                      <a:lnTo>
                        <a:pt x="74" y="0"/>
                      </a:lnTo>
                      <a:lnTo>
                        <a:pt x="78" y="0"/>
                      </a:lnTo>
                      <a:lnTo>
                        <a:pt x="83" y="0"/>
                      </a:lnTo>
                      <a:lnTo>
                        <a:pt x="85" y="0"/>
                      </a:lnTo>
                      <a:lnTo>
                        <a:pt x="87" y="0"/>
                      </a:lnTo>
                      <a:lnTo>
                        <a:pt x="90" y="0"/>
                      </a:lnTo>
                      <a:lnTo>
                        <a:pt x="92" y="0"/>
                      </a:lnTo>
                      <a:lnTo>
                        <a:pt x="93" y="0"/>
                      </a:lnTo>
                      <a:lnTo>
                        <a:pt x="95" y="1"/>
                      </a:lnTo>
                      <a:lnTo>
                        <a:pt x="97" y="1"/>
                      </a:lnTo>
                      <a:lnTo>
                        <a:pt x="100" y="1"/>
                      </a:lnTo>
                      <a:lnTo>
                        <a:pt x="101" y="2"/>
                      </a:lnTo>
                      <a:lnTo>
                        <a:pt x="103" y="2"/>
                      </a:lnTo>
                      <a:lnTo>
                        <a:pt x="105" y="3"/>
                      </a:lnTo>
                      <a:lnTo>
                        <a:pt x="106" y="4"/>
                      </a:lnTo>
                      <a:lnTo>
                        <a:pt x="109" y="4"/>
                      </a:lnTo>
                      <a:lnTo>
                        <a:pt x="110" y="5"/>
                      </a:lnTo>
                      <a:lnTo>
                        <a:pt x="112" y="6"/>
                      </a:lnTo>
                      <a:lnTo>
                        <a:pt x="113" y="8"/>
                      </a:lnTo>
                      <a:lnTo>
                        <a:pt x="114" y="8"/>
                      </a:lnTo>
                      <a:lnTo>
                        <a:pt x="116" y="9"/>
                      </a:lnTo>
                      <a:lnTo>
                        <a:pt x="117" y="10"/>
                      </a:lnTo>
                      <a:lnTo>
                        <a:pt x="119" y="11"/>
                      </a:lnTo>
                      <a:lnTo>
                        <a:pt x="120" y="12"/>
                      </a:lnTo>
                      <a:lnTo>
                        <a:pt x="121" y="13"/>
                      </a:lnTo>
                      <a:lnTo>
                        <a:pt x="122" y="14"/>
                      </a:lnTo>
                      <a:lnTo>
                        <a:pt x="122" y="17"/>
                      </a:lnTo>
                      <a:lnTo>
                        <a:pt x="123" y="18"/>
                      </a:lnTo>
                      <a:lnTo>
                        <a:pt x="124" y="19"/>
                      </a:lnTo>
                      <a:lnTo>
                        <a:pt x="125" y="20"/>
                      </a:lnTo>
                      <a:lnTo>
                        <a:pt x="126" y="21"/>
                      </a:lnTo>
                      <a:lnTo>
                        <a:pt x="126" y="22"/>
                      </a:lnTo>
                      <a:lnTo>
                        <a:pt x="128" y="23"/>
                      </a:lnTo>
                      <a:lnTo>
                        <a:pt x="128" y="24"/>
                      </a:lnTo>
                      <a:lnTo>
                        <a:pt x="129" y="26"/>
                      </a:lnTo>
                      <a:lnTo>
                        <a:pt x="129" y="28"/>
                      </a:lnTo>
                      <a:lnTo>
                        <a:pt x="130" y="29"/>
                      </a:lnTo>
                      <a:lnTo>
                        <a:pt x="130" y="30"/>
                      </a:lnTo>
                      <a:lnTo>
                        <a:pt x="130" y="32"/>
                      </a:lnTo>
                      <a:lnTo>
                        <a:pt x="131" y="33"/>
                      </a:lnTo>
                      <a:lnTo>
                        <a:pt x="131" y="34"/>
                      </a:lnTo>
                      <a:lnTo>
                        <a:pt x="131" y="37"/>
                      </a:lnTo>
                      <a:lnTo>
                        <a:pt x="132" y="39"/>
                      </a:lnTo>
                      <a:lnTo>
                        <a:pt x="132" y="40"/>
                      </a:lnTo>
                      <a:lnTo>
                        <a:pt x="132" y="42"/>
                      </a:lnTo>
                      <a:lnTo>
                        <a:pt x="132" y="45"/>
                      </a:lnTo>
                      <a:lnTo>
                        <a:pt x="132" y="47"/>
                      </a:lnTo>
                      <a:lnTo>
                        <a:pt x="132" y="49"/>
                      </a:lnTo>
                      <a:lnTo>
                        <a:pt x="132" y="52"/>
                      </a:lnTo>
                      <a:lnTo>
                        <a:pt x="132" y="55"/>
                      </a:lnTo>
                      <a:lnTo>
                        <a:pt x="132" y="58"/>
                      </a:lnTo>
                      <a:lnTo>
                        <a:pt x="132" y="14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8" name="Freeform 15">
                  <a:extLst>
                    <a:ext uri="{FF2B5EF4-FFF2-40B4-BE49-F238E27FC236}">
                      <a16:creationId xmlns:a16="http://schemas.microsoft.com/office/drawing/2014/main" id="{5FA26850-0D8B-4918-8D70-E9AD97105D23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1945" y="3704"/>
                  <a:ext cx="71" cy="101"/>
                </a:xfrm>
                <a:custGeom>
                  <a:avLst/>
                  <a:gdLst>
                    <a:gd name="T0" fmla="*/ 1 w 141"/>
                    <a:gd name="T1" fmla="*/ 0 h 203"/>
                    <a:gd name="T2" fmla="*/ 1 w 141"/>
                    <a:gd name="T3" fmla="*/ 0 h 203"/>
                    <a:gd name="T4" fmla="*/ 1 w 141"/>
                    <a:gd name="T5" fmla="*/ 0 h 203"/>
                    <a:gd name="T6" fmla="*/ 1 w 141"/>
                    <a:gd name="T7" fmla="*/ 0 h 203"/>
                    <a:gd name="T8" fmla="*/ 1 w 141"/>
                    <a:gd name="T9" fmla="*/ 0 h 203"/>
                    <a:gd name="T10" fmla="*/ 1 w 141"/>
                    <a:gd name="T11" fmla="*/ 0 h 203"/>
                    <a:gd name="T12" fmla="*/ 1 w 141"/>
                    <a:gd name="T13" fmla="*/ 0 h 203"/>
                    <a:gd name="T14" fmla="*/ 1 w 141"/>
                    <a:gd name="T15" fmla="*/ 0 h 203"/>
                    <a:gd name="T16" fmla="*/ 1 w 141"/>
                    <a:gd name="T17" fmla="*/ 0 h 203"/>
                    <a:gd name="T18" fmla="*/ 1 w 141"/>
                    <a:gd name="T19" fmla="*/ 0 h 203"/>
                    <a:gd name="T20" fmla="*/ 1 w 141"/>
                    <a:gd name="T21" fmla="*/ 0 h 203"/>
                    <a:gd name="T22" fmla="*/ 1 w 141"/>
                    <a:gd name="T23" fmla="*/ 0 h 203"/>
                    <a:gd name="T24" fmla="*/ 1 w 141"/>
                    <a:gd name="T25" fmla="*/ 0 h 203"/>
                    <a:gd name="T26" fmla="*/ 1 w 141"/>
                    <a:gd name="T27" fmla="*/ 0 h 203"/>
                    <a:gd name="T28" fmla="*/ 1 w 141"/>
                    <a:gd name="T29" fmla="*/ 0 h 203"/>
                    <a:gd name="T30" fmla="*/ 1 w 141"/>
                    <a:gd name="T31" fmla="*/ 0 h 203"/>
                    <a:gd name="T32" fmla="*/ 1 w 141"/>
                    <a:gd name="T33" fmla="*/ 0 h 203"/>
                    <a:gd name="T34" fmla="*/ 1 w 141"/>
                    <a:gd name="T35" fmla="*/ 0 h 203"/>
                    <a:gd name="T36" fmla="*/ 1 w 141"/>
                    <a:gd name="T37" fmla="*/ 0 h 203"/>
                    <a:gd name="T38" fmla="*/ 1 w 141"/>
                    <a:gd name="T39" fmla="*/ 0 h 203"/>
                    <a:gd name="T40" fmla="*/ 1 w 141"/>
                    <a:gd name="T41" fmla="*/ 0 h 203"/>
                    <a:gd name="T42" fmla="*/ 1 w 141"/>
                    <a:gd name="T43" fmla="*/ 0 h 203"/>
                    <a:gd name="T44" fmla="*/ 1 w 141"/>
                    <a:gd name="T45" fmla="*/ 0 h 203"/>
                    <a:gd name="T46" fmla="*/ 1 w 141"/>
                    <a:gd name="T47" fmla="*/ 0 h 203"/>
                    <a:gd name="T48" fmla="*/ 1 w 141"/>
                    <a:gd name="T49" fmla="*/ 0 h 203"/>
                    <a:gd name="T50" fmla="*/ 1 w 141"/>
                    <a:gd name="T51" fmla="*/ 0 h 203"/>
                    <a:gd name="T52" fmla="*/ 1 w 141"/>
                    <a:gd name="T53" fmla="*/ 0 h 203"/>
                    <a:gd name="T54" fmla="*/ 1 w 141"/>
                    <a:gd name="T55" fmla="*/ 0 h 203"/>
                    <a:gd name="T56" fmla="*/ 1 w 141"/>
                    <a:gd name="T57" fmla="*/ 0 h 203"/>
                    <a:gd name="T58" fmla="*/ 0 w 141"/>
                    <a:gd name="T59" fmla="*/ 0 h 203"/>
                    <a:gd name="T60" fmla="*/ 1 w 141"/>
                    <a:gd name="T61" fmla="*/ 0 h 203"/>
                    <a:gd name="T62" fmla="*/ 1 w 141"/>
                    <a:gd name="T63" fmla="*/ 0 h 203"/>
                    <a:gd name="T64" fmla="*/ 1 w 141"/>
                    <a:gd name="T65" fmla="*/ 0 h 203"/>
                    <a:gd name="T66" fmla="*/ 1 w 141"/>
                    <a:gd name="T67" fmla="*/ 0 h 203"/>
                    <a:gd name="T68" fmla="*/ 1 w 141"/>
                    <a:gd name="T69" fmla="*/ 0 h 203"/>
                    <a:gd name="T70" fmla="*/ 1 w 141"/>
                    <a:gd name="T71" fmla="*/ 0 h 203"/>
                    <a:gd name="T72" fmla="*/ 1 w 141"/>
                    <a:gd name="T73" fmla="*/ 0 h 203"/>
                    <a:gd name="T74" fmla="*/ 1 w 141"/>
                    <a:gd name="T75" fmla="*/ 0 h 203"/>
                    <a:gd name="T76" fmla="*/ 1 w 141"/>
                    <a:gd name="T77" fmla="*/ 0 h 203"/>
                    <a:gd name="T78" fmla="*/ 1 w 141"/>
                    <a:gd name="T79" fmla="*/ 0 h 203"/>
                    <a:gd name="T80" fmla="*/ 1 w 141"/>
                    <a:gd name="T81" fmla="*/ 0 h 203"/>
                    <a:gd name="T82" fmla="*/ 1 w 141"/>
                    <a:gd name="T83" fmla="*/ 0 h 203"/>
                    <a:gd name="T84" fmla="*/ 1 w 141"/>
                    <a:gd name="T85" fmla="*/ 0 h 203"/>
                    <a:gd name="T86" fmla="*/ 1 w 141"/>
                    <a:gd name="T87" fmla="*/ 0 h 203"/>
                    <a:gd name="T88" fmla="*/ 1 w 141"/>
                    <a:gd name="T89" fmla="*/ 0 h 203"/>
                    <a:gd name="T90" fmla="*/ 1 w 141"/>
                    <a:gd name="T91" fmla="*/ 0 h 203"/>
                    <a:gd name="T92" fmla="*/ 1 w 141"/>
                    <a:gd name="T93" fmla="*/ 0 h 203"/>
                    <a:gd name="T94" fmla="*/ 1 w 141"/>
                    <a:gd name="T95" fmla="*/ 0 h 203"/>
                    <a:gd name="T96" fmla="*/ 1 w 141"/>
                    <a:gd name="T97" fmla="*/ 0 h 203"/>
                    <a:gd name="T98" fmla="*/ 1 w 141"/>
                    <a:gd name="T99" fmla="*/ 0 h 203"/>
                    <a:gd name="T100" fmla="*/ 1 w 141"/>
                    <a:gd name="T101" fmla="*/ 0 h 203"/>
                    <a:gd name="T102" fmla="*/ 1 w 141"/>
                    <a:gd name="T103" fmla="*/ 0 h 203"/>
                    <a:gd name="T104" fmla="*/ 1 w 141"/>
                    <a:gd name="T105" fmla="*/ 0 h 203"/>
                    <a:gd name="T106" fmla="*/ 1 w 141"/>
                    <a:gd name="T107" fmla="*/ 0 h 203"/>
                    <a:gd name="T108" fmla="*/ 1 w 141"/>
                    <a:gd name="T109" fmla="*/ 0 h 203"/>
                    <a:gd name="T110" fmla="*/ 1 w 141"/>
                    <a:gd name="T111" fmla="*/ 0 h 203"/>
                    <a:gd name="T112" fmla="*/ 1 w 141"/>
                    <a:gd name="T113" fmla="*/ 0 h 203"/>
                    <a:gd name="T114" fmla="*/ 1 w 141"/>
                    <a:gd name="T115" fmla="*/ 0 h 203"/>
                    <a:gd name="T116" fmla="*/ 1 w 141"/>
                    <a:gd name="T117" fmla="*/ 0 h 203"/>
                    <a:gd name="T118" fmla="*/ 1 w 141"/>
                    <a:gd name="T119" fmla="*/ 0 h 203"/>
                    <a:gd name="T120" fmla="*/ 1 w 141"/>
                    <a:gd name="T121" fmla="*/ 0 h 203"/>
                    <a:gd name="T122" fmla="*/ 1 w 141"/>
                    <a:gd name="T123" fmla="*/ 0 h 203"/>
                    <a:gd name="T124" fmla="*/ 1 w 141"/>
                    <a:gd name="T125" fmla="*/ 0 h 203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  <a:gd name="T177" fmla="*/ 0 60000 65536"/>
                    <a:gd name="T178" fmla="*/ 0 60000 65536"/>
                    <a:gd name="T179" fmla="*/ 0 60000 65536"/>
                    <a:gd name="T180" fmla="*/ 0 60000 65536"/>
                    <a:gd name="T181" fmla="*/ 0 60000 65536"/>
                    <a:gd name="T182" fmla="*/ 0 60000 65536"/>
                    <a:gd name="T183" fmla="*/ 0 60000 65536"/>
                    <a:gd name="T184" fmla="*/ 0 60000 65536"/>
                    <a:gd name="T185" fmla="*/ 0 60000 65536"/>
                    <a:gd name="T186" fmla="*/ 0 60000 65536"/>
                    <a:gd name="T187" fmla="*/ 0 60000 65536"/>
                    <a:gd name="T188" fmla="*/ 0 60000 65536"/>
                  </a:gdLst>
                  <a:ahLst/>
                  <a:cxnLst>
                    <a:cxn ang="T126">
                      <a:pos x="T0" y="T1"/>
                    </a:cxn>
                    <a:cxn ang="T127">
                      <a:pos x="T2" y="T3"/>
                    </a:cxn>
                    <a:cxn ang="T128">
                      <a:pos x="T4" y="T5"/>
                    </a:cxn>
                    <a:cxn ang="T129">
                      <a:pos x="T6" y="T7"/>
                    </a:cxn>
                    <a:cxn ang="T130">
                      <a:pos x="T8" y="T9"/>
                    </a:cxn>
                    <a:cxn ang="T131">
                      <a:pos x="T10" y="T11"/>
                    </a:cxn>
                    <a:cxn ang="T132">
                      <a:pos x="T12" y="T13"/>
                    </a:cxn>
                    <a:cxn ang="T133">
                      <a:pos x="T14" y="T15"/>
                    </a:cxn>
                    <a:cxn ang="T134">
                      <a:pos x="T16" y="T17"/>
                    </a:cxn>
                    <a:cxn ang="T135">
                      <a:pos x="T18" y="T19"/>
                    </a:cxn>
                    <a:cxn ang="T136">
                      <a:pos x="T20" y="T21"/>
                    </a:cxn>
                    <a:cxn ang="T137">
                      <a:pos x="T22" y="T23"/>
                    </a:cxn>
                    <a:cxn ang="T138">
                      <a:pos x="T24" y="T25"/>
                    </a:cxn>
                    <a:cxn ang="T139">
                      <a:pos x="T26" y="T27"/>
                    </a:cxn>
                    <a:cxn ang="T140">
                      <a:pos x="T28" y="T29"/>
                    </a:cxn>
                    <a:cxn ang="T141">
                      <a:pos x="T30" y="T31"/>
                    </a:cxn>
                    <a:cxn ang="T142">
                      <a:pos x="T32" y="T33"/>
                    </a:cxn>
                    <a:cxn ang="T143">
                      <a:pos x="T34" y="T35"/>
                    </a:cxn>
                    <a:cxn ang="T144">
                      <a:pos x="T36" y="T37"/>
                    </a:cxn>
                    <a:cxn ang="T145">
                      <a:pos x="T38" y="T39"/>
                    </a:cxn>
                    <a:cxn ang="T146">
                      <a:pos x="T40" y="T41"/>
                    </a:cxn>
                    <a:cxn ang="T147">
                      <a:pos x="T42" y="T43"/>
                    </a:cxn>
                    <a:cxn ang="T148">
                      <a:pos x="T44" y="T45"/>
                    </a:cxn>
                    <a:cxn ang="T149">
                      <a:pos x="T46" y="T47"/>
                    </a:cxn>
                    <a:cxn ang="T150">
                      <a:pos x="T48" y="T49"/>
                    </a:cxn>
                    <a:cxn ang="T151">
                      <a:pos x="T50" y="T51"/>
                    </a:cxn>
                    <a:cxn ang="T152">
                      <a:pos x="T52" y="T53"/>
                    </a:cxn>
                    <a:cxn ang="T153">
                      <a:pos x="T54" y="T55"/>
                    </a:cxn>
                    <a:cxn ang="T154">
                      <a:pos x="T56" y="T57"/>
                    </a:cxn>
                    <a:cxn ang="T155">
                      <a:pos x="T58" y="T59"/>
                    </a:cxn>
                    <a:cxn ang="T156">
                      <a:pos x="T60" y="T61"/>
                    </a:cxn>
                    <a:cxn ang="T157">
                      <a:pos x="T62" y="T63"/>
                    </a:cxn>
                    <a:cxn ang="T158">
                      <a:pos x="T64" y="T65"/>
                    </a:cxn>
                    <a:cxn ang="T159">
                      <a:pos x="T66" y="T67"/>
                    </a:cxn>
                    <a:cxn ang="T160">
                      <a:pos x="T68" y="T69"/>
                    </a:cxn>
                    <a:cxn ang="T161">
                      <a:pos x="T70" y="T71"/>
                    </a:cxn>
                    <a:cxn ang="T162">
                      <a:pos x="T72" y="T73"/>
                    </a:cxn>
                    <a:cxn ang="T163">
                      <a:pos x="T74" y="T75"/>
                    </a:cxn>
                    <a:cxn ang="T164">
                      <a:pos x="T76" y="T77"/>
                    </a:cxn>
                    <a:cxn ang="T165">
                      <a:pos x="T78" y="T79"/>
                    </a:cxn>
                    <a:cxn ang="T166">
                      <a:pos x="T80" y="T81"/>
                    </a:cxn>
                    <a:cxn ang="T167">
                      <a:pos x="T82" y="T83"/>
                    </a:cxn>
                    <a:cxn ang="T168">
                      <a:pos x="T84" y="T85"/>
                    </a:cxn>
                    <a:cxn ang="T169">
                      <a:pos x="T86" y="T87"/>
                    </a:cxn>
                    <a:cxn ang="T170">
                      <a:pos x="T88" y="T89"/>
                    </a:cxn>
                    <a:cxn ang="T171">
                      <a:pos x="T90" y="T91"/>
                    </a:cxn>
                    <a:cxn ang="T172">
                      <a:pos x="T92" y="T93"/>
                    </a:cxn>
                    <a:cxn ang="T173">
                      <a:pos x="T94" y="T95"/>
                    </a:cxn>
                    <a:cxn ang="T174">
                      <a:pos x="T96" y="T97"/>
                    </a:cxn>
                    <a:cxn ang="T175">
                      <a:pos x="T98" y="T99"/>
                    </a:cxn>
                    <a:cxn ang="T176">
                      <a:pos x="T100" y="T101"/>
                    </a:cxn>
                    <a:cxn ang="T177">
                      <a:pos x="T102" y="T103"/>
                    </a:cxn>
                    <a:cxn ang="T178">
                      <a:pos x="T104" y="T105"/>
                    </a:cxn>
                    <a:cxn ang="T179">
                      <a:pos x="T106" y="T107"/>
                    </a:cxn>
                    <a:cxn ang="T180">
                      <a:pos x="T108" y="T109"/>
                    </a:cxn>
                    <a:cxn ang="T181">
                      <a:pos x="T110" y="T111"/>
                    </a:cxn>
                    <a:cxn ang="T182">
                      <a:pos x="T112" y="T113"/>
                    </a:cxn>
                    <a:cxn ang="T183">
                      <a:pos x="T114" y="T115"/>
                    </a:cxn>
                    <a:cxn ang="T184">
                      <a:pos x="T116" y="T117"/>
                    </a:cxn>
                    <a:cxn ang="T185">
                      <a:pos x="T118" y="T119"/>
                    </a:cxn>
                    <a:cxn ang="T186">
                      <a:pos x="T120" y="T121"/>
                    </a:cxn>
                    <a:cxn ang="T187">
                      <a:pos x="T122" y="T123"/>
                    </a:cxn>
                    <a:cxn ang="T188">
                      <a:pos x="T124" y="T125"/>
                    </a:cxn>
                  </a:cxnLst>
                  <a:rect l="0" t="0" r="r" b="b"/>
                  <a:pathLst>
                    <a:path w="141" h="203">
                      <a:moveTo>
                        <a:pt x="0" y="199"/>
                      </a:moveTo>
                      <a:lnTo>
                        <a:pt x="0" y="0"/>
                      </a:lnTo>
                      <a:lnTo>
                        <a:pt x="38" y="0"/>
                      </a:lnTo>
                      <a:lnTo>
                        <a:pt x="38" y="72"/>
                      </a:lnTo>
                      <a:lnTo>
                        <a:pt x="41" y="69"/>
                      </a:lnTo>
                      <a:lnTo>
                        <a:pt x="44" y="65"/>
                      </a:lnTo>
                      <a:lnTo>
                        <a:pt x="48" y="63"/>
                      </a:lnTo>
                      <a:lnTo>
                        <a:pt x="51" y="60"/>
                      </a:lnTo>
                      <a:lnTo>
                        <a:pt x="54" y="58"/>
                      </a:lnTo>
                      <a:lnTo>
                        <a:pt x="58" y="56"/>
                      </a:lnTo>
                      <a:lnTo>
                        <a:pt x="61" y="55"/>
                      </a:lnTo>
                      <a:lnTo>
                        <a:pt x="65" y="53"/>
                      </a:lnTo>
                      <a:lnTo>
                        <a:pt x="68" y="53"/>
                      </a:lnTo>
                      <a:lnTo>
                        <a:pt x="72" y="52"/>
                      </a:lnTo>
                      <a:lnTo>
                        <a:pt x="76" y="52"/>
                      </a:lnTo>
                      <a:lnTo>
                        <a:pt x="79" y="52"/>
                      </a:lnTo>
                      <a:lnTo>
                        <a:pt x="84" y="52"/>
                      </a:lnTo>
                      <a:lnTo>
                        <a:pt x="88" y="52"/>
                      </a:lnTo>
                      <a:lnTo>
                        <a:pt x="92" y="53"/>
                      </a:lnTo>
                      <a:lnTo>
                        <a:pt x="97" y="53"/>
                      </a:lnTo>
                      <a:lnTo>
                        <a:pt x="100" y="54"/>
                      </a:lnTo>
                      <a:lnTo>
                        <a:pt x="104" y="56"/>
                      </a:lnTo>
                      <a:lnTo>
                        <a:pt x="107" y="57"/>
                      </a:lnTo>
                      <a:lnTo>
                        <a:pt x="111" y="60"/>
                      </a:lnTo>
                      <a:lnTo>
                        <a:pt x="114" y="62"/>
                      </a:lnTo>
                      <a:lnTo>
                        <a:pt x="117" y="64"/>
                      </a:lnTo>
                      <a:lnTo>
                        <a:pt x="120" y="67"/>
                      </a:lnTo>
                      <a:lnTo>
                        <a:pt x="123" y="71"/>
                      </a:lnTo>
                      <a:lnTo>
                        <a:pt x="126" y="73"/>
                      </a:lnTo>
                      <a:lnTo>
                        <a:pt x="128" y="78"/>
                      </a:lnTo>
                      <a:lnTo>
                        <a:pt x="132" y="81"/>
                      </a:lnTo>
                      <a:lnTo>
                        <a:pt x="133" y="85"/>
                      </a:lnTo>
                      <a:lnTo>
                        <a:pt x="135" y="89"/>
                      </a:lnTo>
                      <a:lnTo>
                        <a:pt x="137" y="93"/>
                      </a:lnTo>
                      <a:lnTo>
                        <a:pt x="138" y="98"/>
                      </a:lnTo>
                      <a:lnTo>
                        <a:pt x="139" y="103"/>
                      </a:lnTo>
                      <a:lnTo>
                        <a:pt x="141" y="108"/>
                      </a:lnTo>
                      <a:lnTo>
                        <a:pt x="141" y="113"/>
                      </a:lnTo>
                      <a:lnTo>
                        <a:pt x="141" y="119"/>
                      </a:lnTo>
                      <a:lnTo>
                        <a:pt x="141" y="126"/>
                      </a:lnTo>
                      <a:lnTo>
                        <a:pt x="141" y="131"/>
                      </a:lnTo>
                      <a:lnTo>
                        <a:pt x="141" y="137"/>
                      </a:lnTo>
                      <a:lnTo>
                        <a:pt x="139" y="142"/>
                      </a:lnTo>
                      <a:lnTo>
                        <a:pt x="139" y="148"/>
                      </a:lnTo>
                      <a:lnTo>
                        <a:pt x="138" y="152"/>
                      </a:lnTo>
                      <a:lnTo>
                        <a:pt x="136" y="158"/>
                      </a:lnTo>
                      <a:lnTo>
                        <a:pt x="135" y="163"/>
                      </a:lnTo>
                      <a:lnTo>
                        <a:pt x="133" y="167"/>
                      </a:lnTo>
                      <a:lnTo>
                        <a:pt x="130" y="171"/>
                      </a:lnTo>
                      <a:lnTo>
                        <a:pt x="128" y="175"/>
                      </a:lnTo>
                      <a:lnTo>
                        <a:pt x="126" y="178"/>
                      </a:lnTo>
                      <a:lnTo>
                        <a:pt x="123" y="183"/>
                      </a:lnTo>
                      <a:lnTo>
                        <a:pt x="120" y="185"/>
                      </a:lnTo>
                      <a:lnTo>
                        <a:pt x="117" y="188"/>
                      </a:lnTo>
                      <a:lnTo>
                        <a:pt x="114" y="190"/>
                      </a:lnTo>
                      <a:lnTo>
                        <a:pt x="110" y="194"/>
                      </a:lnTo>
                      <a:lnTo>
                        <a:pt x="107" y="195"/>
                      </a:lnTo>
                      <a:lnTo>
                        <a:pt x="104" y="197"/>
                      </a:lnTo>
                      <a:lnTo>
                        <a:pt x="100" y="198"/>
                      </a:lnTo>
                      <a:lnTo>
                        <a:pt x="96" y="201"/>
                      </a:lnTo>
                      <a:lnTo>
                        <a:pt x="92" y="201"/>
                      </a:lnTo>
                      <a:lnTo>
                        <a:pt x="89" y="202"/>
                      </a:lnTo>
                      <a:lnTo>
                        <a:pt x="85" y="202"/>
                      </a:lnTo>
                      <a:lnTo>
                        <a:pt x="80" y="203"/>
                      </a:lnTo>
                      <a:lnTo>
                        <a:pt x="79" y="202"/>
                      </a:lnTo>
                      <a:lnTo>
                        <a:pt x="77" y="202"/>
                      </a:lnTo>
                      <a:lnTo>
                        <a:pt x="75" y="202"/>
                      </a:lnTo>
                      <a:lnTo>
                        <a:pt x="72" y="202"/>
                      </a:lnTo>
                      <a:lnTo>
                        <a:pt x="70" y="201"/>
                      </a:lnTo>
                      <a:lnTo>
                        <a:pt x="68" y="201"/>
                      </a:lnTo>
                      <a:lnTo>
                        <a:pt x="67" y="199"/>
                      </a:lnTo>
                      <a:lnTo>
                        <a:pt x="65" y="199"/>
                      </a:lnTo>
                      <a:lnTo>
                        <a:pt x="62" y="198"/>
                      </a:lnTo>
                      <a:lnTo>
                        <a:pt x="60" y="197"/>
                      </a:lnTo>
                      <a:lnTo>
                        <a:pt x="58" y="196"/>
                      </a:lnTo>
                      <a:lnTo>
                        <a:pt x="56" y="196"/>
                      </a:lnTo>
                      <a:lnTo>
                        <a:pt x="54" y="195"/>
                      </a:lnTo>
                      <a:lnTo>
                        <a:pt x="52" y="194"/>
                      </a:lnTo>
                      <a:lnTo>
                        <a:pt x="50" y="193"/>
                      </a:lnTo>
                      <a:lnTo>
                        <a:pt x="49" y="190"/>
                      </a:lnTo>
                      <a:lnTo>
                        <a:pt x="47" y="189"/>
                      </a:lnTo>
                      <a:lnTo>
                        <a:pt x="44" y="188"/>
                      </a:lnTo>
                      <a:lnTo>
                        <a:pt x="43" y="187"/>
                      </a:lnTo>
                      <a:lnTo>
                        <a:pt x="42" y="185"/>
                      </a:lnTo>
                      <a:lnTo>
                        <a:pt x="40" y="184"/>
                      </a:lnTo>
                      <a:lnTo>
                        <a:pt x="39" y="182"/>
                      </a:lnTo>
                      <a:lnTo>
                        <a:pt x="38" y="179"/>
                      </a:lnTo>
                      <a:lnTo>
                        <a:pt x="36" y="178"/>
                      </a:lnTo>
                      <a:lnTo>
                        <a:pt x="36" y="199"/>
                      </a:lnTo>
                      <a:lnTo>
                        <a:pt x="0" y="199"/>
                      </a:lnTo>
                      <a:close/>
                      <a:moveTo>
                        <a:pt x="38" y="124"/>
                      </a:moveTo>
                      <a:lnTo>
                        <a:pt x="39" y="128"/>
                      </a:lnTo>
                      <a:lnTo>
                        <a:pt x="39" y="131"/>
                      </a:lnTo>
                      <a:lnTo>
                        <a:pt x="39" y="135"/>
                      </a:lnTo>
                      <a:lnTo>
                        <a:pt x="39" y="138"/>
                      </a:lnTo>
                      <a:lnTo>
                        <a:pt x="40" y="140"/>
                      </a:lnTo>
                      <a:lnTo>
                        <a:pt x="40" y="143"/>
                      </a:lnTo>
                      <a:lnTo>
                        <a:pt x="41" y="146"/>
                      </a:lnTo>
                      <a:lnTo>
                        <a:pt x="41" y="149"/>
                      </a:lnTo>
                      <a:lnTo>
                        <a:pt x="42" y="151"/>
                      </a:lnTo>
                      <a:lnTo>
                        <a:pt x="43" y="154"/>
                      </a:lnTo>
                      <a:lnTo>
                        <a:pt x="44" y="156"/>
                      </a:lnTo>
                      <a:lnTo>
                        <a:pt x="44" y="158"/>
                      </a:lnTo>
                      <a:lnTo>
                        <a:pt x="47" y="160"/>
                      </a:lnTo>
                      <a:lnTo>
                        <a:pt x="49" y="161"/>
                      </a:lnTo>
                      <a:lnTo>
                        <a:pt x="50" y="164"/>
                      </a:lnTo>
                      <a:lnTo>
                        <a:pt x="52" y="166"/>
                      </a:lnTo>
                      <a:lnTo>
                        <a:pt x="54" y="167"/>
                      </a:lnTo>
                      <a:lnTo>
                        <a:pt x="57" y="168"/>
                      </a:lnTo>
                      <a:lnTo>
                        <a:pt x="59" y="169"/>
                      </a:lnTo>
                      <a:lnTo>
                        <a:pt x="61" y="170"/>
                      </a:lnTo>
                      <a:lnTo>
                        <a:pt x="63" y="171"/>
                      </a:lnTo>
                      <a:lnTo>
                        <a:pt x="67" y="171"/>
                      </a:lnTo>
                      <a:lnTo>
                        <a:pt x="69" y="171"/>
                      </a:lnTo>
                      <a:lnTo>
                        <a:pt x="71" y="173"/>
                      </a:lnTo>
                      <a:lnTo>
                        <a:pt x="73" y="171"/>
                      </a:lnTo>
                      <a:lnTo>
                        <a:pt x="76" y="171"/>
                      </a:lnTo>
                      <a:lnTo>
                        <a:pt x="78" y="171"/>
                      </a:lnTo>
                      <a:lnTo>
                        <a:pt x="80" y="170"/>
                      </a:lnTo>
                      <a:lnTo>
                        <a:pt x="81" y="170"/>
                      </a:lnTo>
                      <a:lnTo>
                        <a:pt x="84" y="169"/>
                      </a:lnTo>
                      <a:lnTo>
                        <a:pt x="85" y="168"/>
                      </a:lnTo>
                      <a:lnTo>
                        <a:pt x="87" y="167"/>
                      </a:lnTo>
                      <a:lnTo>
                        <a:pt x="88" y="166"/>
                      </a:lnTo>
                      <a:lnTo>
                        <a:pt x="90" y="165"/>
                      </a:lnTo>
                      <a:lnTo>
                        <a:pt x="91" y="164"/>
                      </a:lnTo>
                      <a:lnTo>
                        <a:pt x="92" y="163"/>
                      </a:lnTo>
                      <a:lnTo>
                        <a:pt x="95" y="160"/>
                      </a:lnTo>
                      <a:lnTo>
                        <a:pt x="96" y="158"/>
                      </a:lnTo>
                      <a:lnTo>
                        <a:pt x="97" y="156"/>
                      </a:lnTo>
                      <a:lnTo>
                        <a:pt x="98" y="154"/>
                      </a:lnTo>
                      <a:lnTo>
                        <a:pt x="99" y="150"/>
                      </a:lnTo>
                      <a:lnTo>
                        <a:pt x="100" y="148"/>
                      </a:lnTo>
                      <a:lnTo>
                        <a:pt x="100" y="145"/>
                      </a:lnTo>
                      <a:lnTo>
                        <a:pt x="101" y="141"/>
                      </a:lnTo>
                      <a:lnTo>
                        <a:pt x="101" y="138"/>
                      </a:lnTo>
                      <a:lnTo>
                        <a:pt x="101" y="135"/>
                      </a:lnTo>
                      <a:lnTo>
                        <a:pt x="101" y="131"/>
                      </a:lnTo>
                      <a:lnTo>
                        <a:pt x="101" y="128"/>
                      </a:lnTo>
                      <a:lnTo>
                        <a:pt x="101" y="123"/>
                      </a:lnTo>
                      <a:lnTo>
                        <a:pt x="101" y="119"/>
                      </a:lnTo>
                      <a:lnTo>
                        <a:pt x="101" y="116"/>
                      </a:lnTo>
                      <a:lnTo>
                        <a:pt x="101" y="112"/>
                      </a:lnTo>
                      <a:lnTo>
                        <a:pt x="100" y="109"/>
                      </a:lnTo>
                      <a:lnTo>
                        <a:pt x="99" y="105"/>
                      </a:lnTo>
                      <a:lnTo>
                        <a:pt x="99" y="103"/>
                      </a:lnTo>
                      <a:lnTo>
                        <a:pt x="98" y="100"/>
                      </a:lnTo>
                      <a:lnTo>
                        <a:pt x="97" y="98"/>
                      </a:lnTo>
                      <a:lnTo>
                        <a:pt x="96" y="95"/>
                      </a:lnTo>
                      <a:lnTo>
                        <a:pt x="95" y="93"/>
                      </a:lnTo>
                      <a:lnTo>
                        <a:pt x="92" y="92"/>
                      </a:lnTo>
                      <a:lnTo>
                        <a:pt x="91" y="90"/>
                      </a:lnTo>
                      <a:lnTo>
                        <a:pt x="90" y="88"/>
                      </a:lnTo>
                      <a:lnTo>
                        <a:pt x="88" y="86"/>
                      </a:lnTo>
                      <a:lnTo>
                        <a:pt x="87" y="85"/>
                      </a:lnTo>
                      <a:lnTo>
                        <a:pt x="85" y="84"/>
                      </a:lnTo>
                      <a:lnTo>
                        <a:pt x="82" y="83"/>
                      </a:lnTo>
                      <a:lnTo>
                        <a:pt x="80" y="82"/>
                      </a:lnTo>
                      <a:lnTo>
                        <a:pt x="79" y="82"/>
                      </a:lnTo>
                      <a:lnTo>
                        <a:pt x="77" y="81"/>
                      </a:lnTo>
                      <a:lnTo>
                        <a:pt x="75" y="81"/>
                      </a:lnTo>
                      <a:lnTo>
                        <a:pt x="72" y="81"/>
                      </a:lnTo>
                      <a:lnTo>
                        <a:pt x="69" y="81"/>
                      </a:lnTo>
                      <a:lnTo>
                        <a:pt x="68" y="81"/>
                      </a:lnTo>
                      <a:lnTo>
                        <a:pt x="66" y="81"/>
                      </a:lnTo>
                      <a:lnTo>
                        <a:pt x="63" y="81"/>
                      </a:lnTo>
                      <a:lnTo>
                        <a:pt x="61" y="82"/>
                      </a:lnTo>
                      <a:lnTo>
                        <a:pt x="59" y="82"/>
                      </a:lnTo>
                      <a:lnTo>
                        <a:pt x="57" y="83"/>
                      </a:lnTo>
                      <a:lnTo>
                        <a:pt x="56" y="84"/>
                      </a:lnTo>
                      <a:lnTo>
                        <a:pt x="53" y="85"/>
                      </a:lnTo>
                      <a:lnTo>
                        <a:pt x="52" y="86"/>
                      </a:lnTo>
                      <a:lnTo>
                        <a:pt x="50" y="88"/>
                      </a:lnTo>
                      <a:lnTo>
                        <a:pt x="49" y="90"/>
                      </a:lnTo>
                      <a:lnTo>
                        <a:pt x="47" y="92"/>
                      </a:lnTo>
                      <a:lnTo>
                        <a:pt x="46" y="93"/>
                      </a:lnTo>
                      <a:lnTo>
                        <a:pt x="44" y="95"/>
                      </a:lnTo>
                      <a:lnTo>
                        <a:pt x="43" y="98"/>
                      </a:lnTo>
                      <a:lnTo>
                        <a:pt x="42" y="100"/>
                      </a:lnTo>
                      <a:lnTo>
                        <a:pt x="41" y="102"/>
                      </a:lnTo>
                      <a:lnTo>
                        <a:pt x="40" y="104"/>
                      </a:lnTo>
                      <a:lnTo>
                        <a:pt x="40" y="108"/>
                      </a:lnTo>
                      <a:lnTo>
                        <a:pt x="39" y="110"/>
                      </a:lnTo>
                      <a:lnTo>
                        <a:pt x="39" y="113"/>
                      </a:lnTo>
                      <a:lnTo>
                        <a:pt x="39" y="117"/>
                      </a:lnTo>
                      <a:lnTo>
                        <a:pt x="39" y="120"/>
                      </a:lnTo>
                      <a:lnTo>
                        <a:pt x="38" y="124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89" name="Freeform 16">
                  <a:extLst>
                    <a:ext uri="{FF2B5EF4-FFF2-40B4-BE49-F238E27FC236}">
                      <a16:creationId xmlns:a16="http://schemas.microsoft.com/office/drawing/2014/main" id="{2093879A-585A-4E2E-9408-7C08E83DF831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026" y="3730"/>
                  <a:ext cx="67" cy="75"/>
                </a:xfrm>
                <a:custGeom>
                  <a:avLst/>
                  <a:gdLst>
                    <a:gd name="T0" fmla="*/ 0 w 135"/>
                    <a:gd name="T1" fmla="*/ 0 h 151"/>
                    <a:gd name="T2" fmla="*/ 0 w 135"/>
                    <a:gd name="T3" fmla="*/ 0 h 151"/>
                    <a:gd name="T4" fmla="*/ 0 w 135"/>
                    <a:gd name="T5" fmla="*/ 0 h 151"/>
                    <a:gd name="T6" fmla="*/ 0 w 135"/>
                    <a:gd name="T7" fmla="*/ 0 h 151"/>
                    <a:gd name="T8" fmla="*/ 0 w 135"/>
                    <a:gd name="T9" fmla="*/ 0 h 151"/>
                    <a:gd name="T10" fmla="*/ 0 w 135"/>
                    <a:gd name="T11" fmla="*/ 0 h 151"/>
                    <a:gd name="T12" fmla="*/ 0 w 135"/>
                    <a:gd name="T13" fmla="*/ 0 h 151"/>
                    <a:gd name="T14" fmla="*/ 0 w 135"/>
                    <a:gd name="T15" fmla="*/ 0 h 151"/>
                    <a:gd name="T16" fmla="*/ 0 w 135"/>
                    <a:gd name="T17" fmla="*/ 0 h 151"/>
                    <a:gd name="T18" fmla="*/ 0 w 135"/>
                    <a:gd name="T19" fmla="*/ 0 h 151"/>
                    <a:gd name="T20" fmla="*/ 0 w 135"/>
                    <a:gd name="T21" fmla="*/ 0 h 151"/>
                    <a:gd name="T22" fmla="*/ 0 w 135"/>
                    <a:gd name="T23" fmla="*/ 0 h 151"/>
                    <a:gd name="T24" fmla="*/ 0 w 135"/>
                    <a:gd name="T25" fmla="*/ 0 h 151"/>
                    <a:gd name="T26" fmla="*/ 0 w 135"/>
                    <a:gd name="T27" fmla="*/ 0 h 151"/>
                    <a:gd name="T28" fmla="*/ 0 w 135"/>
                    <a:gd name="T29" fmla="*/ 0 h 151"/>
                    <a:gd name="T30" fmla="*/ 0 w 135"/>
                    <a:gd name="T31" fmla="*/ 0 h 151"/>
                    <a:gd name="T32" fmla="*/ 0 w 135"/>
                    <a:gd name="T33" fmla="*/ 0 h 151"/>
                    <a:gd name="T34" fmla="*/ 0 w 135"/>
                    <a:gd name="T35" fmla="*/ 0 h 151"/>
                    <a:gd name="T36" fmla="*/ 0 w 135"/>
                    <a:gd name="T37" fmla="*/ 0 h 151"/>
                    <a:gd name="T38" fmla="*/ 0 w 135"/>
                    <a:gd name="T39" fmla="*/ 0 h 151"/>
                    <a:gd name="T40" fmla="*/ 0 w 135"/>
                    <a:gd name="T41" fmla="*/ 0 h 151"/>
                    <a:gd name="T42" fmla="*/ 0 w 135"/>
                    <a:gd name="T43" fmla="*/ 0 h 151"/>
                    <a:gd name="T44" fmla="*/ 0 w 135"/>
                    <a:gd name="T45" fmla="*/ 0 h 151"/>
                    <a:gd name="T46" fmla="*/ 0 w 135"/>
                    <a:gd name="T47" fmla="*/ 0 h 151"/>
                    <a:gd name="T48" fmla="*/ 0 w 135"/>
                    <a:gd name="T49" fmla="*/ 0 h 151"/>
                    <a:gd name="T50" fmla="*/ 0 w 135"/>
                    <a:gd name="T51" fmla="*/ 0 h 151"/>
                    <a:gd name="T52" fmla="*/ 0 w 135"/>
                    <a:gd name="T53" fmla="*/ 0 h 151"/>
                    <a:gd name="T54" fmla="*/ 0 w 135"/>
                    <a:gd name="T55" fmla="*/ 0 h 151"/>
                    <a:gd name="T56" fmla="*/ 0 w 135"/>
                    <a:gd name="T57" fmla="*/ 0 h 151"/>
                    <a:gd name="T58" fmla="*/ 0 w 135"/>
                    <a:gd name="T59" fmla="*/ 0 h 151"/>
                    <a:gd name="T60" fmla="*/ 0 w 135"/>
                    <a:gd name="T61" fmla="*/ 0 h 151"/>
                    <a:gd name="T62" fmla="*/ 0 w 135"/>
                    <a:gd name="T63" fmla="*/ 0 h 151"/>
                    <a:gd name="T64" fmla="*/ 0 w 135"/>
                    <a:gd name="T65" fmla="*/ 0 h 151"/>
                    <a:gd name="T66" fmla="*/ 0 w 135"/>
                    <a:gd name="T67" fmla="*/ 0 h 151"/>
                    <a:gd name="T68" fmla="*/ 0 w 135"/>
                    <a:gd name="T69" fmla="*/ 0 h 151"/>
                    <a:gd name="T70" fmla="*/ 0 w 135"/>
                    <a:gd name="T71" fmla="*/ 0 h 151"/>
                    <a:gd name="T72" fmla="*/ 0 w 135"/>
                    <a:gd name="T73" fmla="*/ 0 h 151"/>
                    <a:gd name="T74" fmla="*/ 0 w 135"/>
                    <a:gd name="T75" fmla="*/ 0 h 151"/>
                    <a:gd name="T76" fmla="*/ 0 w 135"/>
                    <a:gd name="T77" fmla="*/ 0 h 151"/>
                    <a:gd name="T78" fmla="*/ 0 w 135"/>
                    <a:gd name="T79" fmla="*/ 0 h 151"/>
                    <a:gd name="T80" fmla="*/ 0 w 135"/>
                    <a:gd name="T81" fmla="*/ 0 h 151"/>
                    <a:gd name="T82" fmla="*/ 0 w 135"/>
                    <a:gd name="T83" fmla="*/ 0 h 151"/>
                    <a:gd name="T84" fmla="*/ 0 w 135"/>
                    <a:gd name="T85" fmla="*/ 0 h 151"/>
                    <a:gd name="T86" fmla="*/ 0 w 135"/>
                    <a:gd name="T87" fmla="*/ 0 h 151"/>
                    <a:gd name="T88" fmla="*/ 0 w 135"/>
                    <a:gd name="T89" fmla="*/ 0 h 151"/>
                    <a:gd name="T90" fmla="*/ 0 w 135"/>
                    <a:gd name="T91" fmla="*/ 0 h 151"/>
                    <a:gd name="T92" fmla="*/ 0 w 135"/>
                    <a:gd name="T93" fmla="*/ 0 h 151"/>
                    <a:gd name="T94" fmla="*/ 0 w 135"/>
                    <a:gd name="T95" fmla="*/ 0 h 151"/>
                    <a:gd name="T96" fmla="*/ 0 w 135"/>
                    <a:gd name="T97" fmla="*/ 0 h 151"/>
                    <a:gd name="T98" fmla="*/ 0 w 135"/>
                    <a:gd name="T99" fmla="*/ 0 h 151"/>
                    <a:gd name="T100" fmla="*/ 0 w 135"/>
                    <a:gd name="T101" fmla="*/ 0 h 151"/>
                    <a:gd name="T102" fmla="*/ 0 w 135"/>
                    <a:gd name="T103" fmla="*/ 0 h 151"/>
                    <a:gd name="T104" fmla="*/ 0 w 135"/>
                    <a:gd name="T105" fmla="*/ 0 h 151"/>
                    <a:gd name="T106" fmla="*/ 0 w 135"/>
                    <a:gd name="T107" fmla="*/ 0 h 151"/>
                    <a:gd name="T108" fmla="*/ 0 w 135"/>
                    <a:gd name="T109" fmla="*/ 0 h 151"/>
                    <a:gd name="T110" fmla="*/ 0 w 135"/>
                    <a:gd name="T111" fmla="*/ 0 h 151"/>
                    <a:gd name="T112" fmla="*/ 0 w 135"/>
                    <a:gd name="T113" fmla="*/ 0 h 151"/>
                    <a:gd name="T114" fmla="*/ 0 w 135"/>
                    <a:gd name="T115" fmla="*/ 0 h 151"/>
                    <a:gd name="T116" fmla="*/ 0 w 135"/>
                    <a:gd name="T117" fmla="*/ 0 h 151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</a:gdLst>
                  <a:ahLst/>
                  <a:cxnLst>
                    <a:cxn ang="T118">
                      <a:pos x="T0" y="T1"/>
                    </a:cxn>
                    <a:cxn ang="T119">
                      <a:pos x="T2" y="T3"/>
                    </a:cxn>
                    <a:cxn ang="T120">
                      <a:pos x="T4" y="T5"/>
                    </a:cxn>
                    <a:cxn ang="T121">
                      <a:pos x="T6" y="T7"/>
                    </a:cxn>
                    <a:cxn ang="T122">
                      <a:pos x="T8" y="T9"/>
                    </a:cxn>
                    <a:cxn ang="T123">
                      <a:pos x="T10" y="T11"/>
                    </a:cxn>
                    <a:cxn ang="T124">
                      <a:pos x="T12" y="T13"/>
                    </a:cxn>
                    <a:cxn ang="T125">
                      <a:pos x="T14" y="T15"/>
                    </a:cxn>
                    <a:cxn ang="T126">
                      <a:pos x="T16" y="T17"/>
                    </a:cxn>
                    <a:cxn ang="T127">
                      <a:pos x="T18" y="T19"/>
                    </a:cxn>
                    <a:cxn ang="T128">
                      <a:pos x="T20" y="T21"/>
                    </a:cxn>
                    <a:cxn ang="T129">
                      <a:pos x="T22" y="T23"/>
                    </a:cxn>
                    <a:cxn ang="T130">
                      <a:pos x="T24" y="T25"/>
                    </a:cxn>
                    <a:cxn ang="T131">
                      <a:pos x="T26" y="T27"/>
                    </a:cxn>
                    <a:cxn ang="T132">
                      <a:pos x="T28" y="T29"/>
                    </a:cxn>
                    <a:cxn ang="T133">
                      <a:pos x="T30" y="T31"/>
                    </a:cxn>
                    <a:cxn ang="T134">
                      <a:pos x="T32" y="T33"/>
                    </a:cxn>
                    <a:cxn ang="T135">
                      <a:pos x="T34" y="T35"/>
                    </a:cxn>
                    <a:cxn ang="T136">
                      <a:pos x="T36" y="T37"/>
                    </a:cxn>
                    <a:cxn ang="T137">
                      <a:pos x="T38" y="T39"/>
                    </a:cxn>
                    <a:cxn ang="T138">
                      <a:pos x="T40" y="T41"/>
                    </a:cxn>
                    <a:cxn ang="T139">
                      <a:pos x="T42" y="T43"/>
                    </a:cxn>
                    <a:cxn ang="T140">
                      <a:pos x="T44" y="T45"/>
                    </a:cxn>
                    <a:cxn ang="T141">
                      <a:pos x="T46" y="T47"/>
                    </a:cxn>
                    <a:cxn ang="T142">
                      <a:pos x="T48" y="T49"/>
                    </a:cxn>
                    <a:cxn ang="T143">
                      <a:pos x="T50" y="T51"/>
                    </a:cxn>
                    <a:cxn ang="T144">
                      <a:pos x="T52" y="T53"/>
                    </a:cxn>
                    <a:cxn ang="T145">
                      <a:pos x="T54" y="T55"/>
                    </a:cxn>
                    <a:cxn ang="T146">
                      <a:pos x="T56" y="T57"/>
                    </a:cxn>
                    <a:cxn ang="T147">
                      <a:pos x="T58" y="T59"/>
                    </a:cxn>
                    <a:cxn ang="T148">
                      <a:pos x="T60" y="T61"/>
                    </a:cxn>
                    <a:cxn ang="T149">
                      <a:pos x="T62" y="T63"/>
                    </a:cxn>
                    <a:cxn ang="T150">
                      <a:pos x="T64" y="T65"/>
                    </a:cxn>
                    <a:cxn ang="T151">
                      <a:pos x="T66" y="T67"/>
                    </a:cxn>
                    <a:cxn ang="T152">
                      <a:pos x="T68" y="T69"/>
                    </a:cxn>
                    <a:cxn ang="T153">
                      <a:pos x="T70" y="T71"/>
                    </a:cxn>
                    <a:cxn ang="T154">
                      <a:pos x="T72" y="T73"/>
                    </a:cxn>
                    <a:cxn ang="T155">
                      <a:pos x="T74" y="T75"/>
                    </a:cxn>
                    <a:cxn ang="T156">
                      <a:pos x="T76" y="T77"/>
                    </a:cxn>
                    <a:cxn ang="T157">
                      <a:pos x="T78" y="T79"/>
                    </a:cxn>
                    <a:cxn ang="T158">
                      <a:pos x="T80" y="T81"/>
                    </a:cxn>
                    <a:cxn ang="T159">
                      <a:pos x="T82" y="T83"/>
                    </a:cxn>
                    <a:cxn ang="T160">
                      <a:pos x="T84" y="T85"/>
                    </a:cxn>
                    <a:cxn ang="T161">
                      <a:pos x="T86" y="T87"/>
                    </a:cxn>
                    <a:cxn ang="T162">
                      <a:pos x="T88" y="T89"/>
                    </a:cxn>
                    <a:cxn ang="T163">
                      <a:pos x="T90" y="T91"/>
                    </a:cxn>
                    <a:cxn ang="T164">
                      <a:pos x="T92" y="T93"/>
                    </a:cxn>
                    <a:cxn ang="T165">
                      <a:pos x="T94" y="T95"/>
                    </a:cxn>
                    <a:cxn ang="T166">
                      <a:pos x="T96" y="T97"/>
                    </a:cxn>
                    <a:cxn ang="T167">
                      <a:pos x="T98" y="T99"/>
                    </a:cxn>
                    <a:cxn ang="T168">
                      <a:pos x="T100" y="T101"/>
                    </a:cxn>
                    <a:cxn ang="T169">
                      <a:pos x="T102" y="T103"/>
                    </a:cxn>
                    <a:cxn ang="T170">
                      <a:pos x="T104" y="T105"/>
                    </a:cxn>
                    <a:cxn ang="T171">
                      <a:pos x="T106" y="T107"/>
                    </a:cxn>
                    <a:cxn ang="T172">
                      <a:pos x="T108" y="T109"/>
                    </a:cxn>
                    <a:cxn ang="T173">
                      <a:pos x="T110" y="T111"/>
                    </a:cxn>
                    <a:cxn ang="T174">
                      <a:pos x="T112" y="T113"/>
                    </a:cxn>
                    <a:cxn ang="T175">
                      <a:pos x="T114" y="T115"/>
                    </a:cxn>
                    <a:cxn ang="T176">
                      <a:pos x="T116" y="T117"/>
                    </a:cxn>
                  </a:cxnLst>
                  <a:rect l="0" t="0" r="r" b="b"/>
                  <a:pathLst>
                    <a:path w="135" h="151">
                      <a:moveTo>
                        <a:pt x="38" y="48"/>
                      </a:moveTo>
                      <a:lnTo>
                        <a:pt x="4" y="41"/>
                      </a:lnTo>
                      <a:lnTo>
                        <a:pt x="5" y="38"/>
                      </a:lnTo>
                      <a:lnTo>
                        <a:pt x="6" y="34"/>
                      </a:lnTo>
                      <a:lnTo>
                        <a:pt x="7" y="31"/>
                      </a:lnTo>
                      <a:lnTo>
                        <a:pt x="10" y="28"/>
                      </a:lnTo>
                      <a:lnTo>
                        <a:pt x="11" y="26"/>
                      </a:lnTo>
                      <a:lnTo>
                        <a:pt x="12" y="22"/>
                      </a:lnTo>
                      <a:lnTo>
                        <a:pt x="14" y="20"/>
                      </a:lnTo>
                      <a:lnTo>
                        <a:pt x="15" y="18"/>
                      </a:lnTo>
                      <a:lnTo>
                        <a:pt x="18" y="15"/>
                      </a:lnTo>
                      <a:lnTo>
                        <a:pt x="20" y="13"/>
                      </a:lnTo>
                      <a:lnTo>
                        <a:pt x="22" y="11"/>
                      </a:lnTo>
                      <a:lnTo>
                        <a:pt x="23" y="10"/>
                      </a:lnTo>
                      <a:lnTo>
                        <a:pt x="26" y="8"/>
                      </a:lnTo>
                      <a:lnTo>
                        <a:pt x="29" y="6"/>
                      </a:lnTo>
                      <a:lnTo>
                        <a:pt x="32" y="5"/>
                      </a:lnTo>
                      <a:lnTo>
                        <a:pt x="35" y="3"/>
                      </a:lnTo>
                      <a:lnTo>
                        <a:pt x="38" y="3"/>
                      </a:lnTo>
                      <a:lnTo>
                        <a:pt x="42" y="2"/>
                      </a:lnTo>
                      <a:lnTo>
                        <a:pt x="45" y="1"/>
                      </a:lnTo>
                      <a:lnTo>
                        <a:pt x="49" y="0"/>
                      </a:lnTo>
                      <a:lnTo>
                        <a:pt x="53" y="0"/>
                      </a:lnTo>
                      <a:lnTo>
                        <a:pt x="58" y="0"/>
                      </a:lnTo>
                      <a:lnTo>
                        <a:pt x="61" y="0"/>
                      </a:lnTo>
                      <a:lnTo>
                        <a:pt x="66" y="0"/>
                      </a:lnTo>
                      <a:lnTo>
                        <a:pt x="70" y="0"/>
                      </a:lnTo>
                      <a:lnTo>
                        <a:pt x="75" y="0"/>
                      </a:lnTo>
                      <a:lnTo>
                        <a:pt x="78" y="0"/>
                      </a:lnTo>
                      <a:lnTo>
                        <a:pt x="82" y="0"/>
                      </a:lnTo>
                      <a:lnTo>
                        <a:pt x="86" y="1"/>
                      </a:lnTo>
                      <a:lnTo>
                        <a:pt x="89" y="1"/>
                      </a:lnTo>
                      <a:lnTo>
                        <a:pt x="91" y="2"/>
                      </a:lnTo>
                      <a:lnTo>
                        <a:pt x="95" y="2"/>
                      </a:lnTo>
                      <a:lnTo>
                        <a:pt x="97" y="3"/>
                      </a:lnTo>
                      <a:lnTo>
                        <a:pt x="100" y="4"/>
                      </a:lnTo>
                      <a:lnTo>
                        <a:pt x="102" y="5"/>
                      </a:lnTo>
                      <a:lnTo>
                        <a:pt x="104" y="6"/>
                      </a:lnTo>
                      <a:lnTo>
                        <a:pt x="106" y="6"/>
                      </a:lnTo>
                      <a:lnTo>
                        <a:pt x="108" y="8"/>
                      </a:lnTo>
                      <a:lnTo>
                        <a:pt x="110" y="9"/>
                      </a:lnTo>
                      <a:lnTo>
                        <a:pt x="111" y="10"/>
                      </a:lnTo>
                      <a:lnTo>
                        <a:pt x="114" y="11"/>
                      </a:lnTo>
                      <a:lnTo>
                        <a:pt x="115" y="13"/>
                      </a:lnTo>
                      <a:lnTo>
                        <a:pt x="116" y="14"/>
                      </a:lnTo>
                      <a:lnTo>
                        <a:pt x="118" y="15"/>
                      </a:lnTo>
                      <a:lnTo>
                        <a:pt x="119" y="17"/>
                      </a:lnTo>
                      <a:lnTo>
                        <a:pt x="120" y="19"/>
                      </a:lnTo>
                      <a:lnTo>
                        <a:pt x="121" y="20"/>
                      </a:lnTo>
                      <a:lnTo>
                        <a:pt x="121" y="22"/>
                      </a:lnTo>
                      <a:lnTo>
                        <a:pt x="123" y="23"/>
                      </a:lnTo>
                      <a:lnTo>
                        <a:pt x="124" y="26"/>
                      </a:lnTo>
                      <a:lnTo>
                        <a:pt x="124" y="27"/>
                      </a:lnTo>
                      <a:lnTo>
                        <a:pt x="125" y="29"/>
                      </a:lnTo>
                      <a:lnTo>
                        <a:pt x="125" y="32"/>
                      </a:lnTo>
                      <a:lnTo>
                        <a:pt x="126" y="34"/>
                      </a:lnTo>
                      <a:lnTo>
                        <a:pt x="126" y="38"/>
                      </a:lnTo>
                      <a:lnTo>
                        <a:pt x="126" y="40"/>
                      </a:lnTo>
                      <a:lnTo>
                        <a:pt x="126" y="43"/>
                      </a:lnTo>
                      <a:lnTo>
                        <a:pt x="126" y="48"/>
                      </a:lnTo>
                      <a:lnTo>
                        <a:pt x="126" y="51"/>
                      </a:lnTo>
                      <a:lnTo>
                        <a:pt x="126" y="56"/>
                      </a:lnTo>
                      <a:lnTo>
                        <a:pt x="126" y="99"/>
                      </a:lnTo>
                      <a:lnTo>
                        <a:pt x="127" y="102"/>
                      </a:lnTo>
                      <a:lnTo>
                        <a:pt x="127" y="105"/>
                      </a:lnTo>
                      <a:lnTo>
                        <a:pt x="127" y="107"/>
                      </a:lnTo>
                      <a:lnTo>
                        <a:pt x="127" y="111"/>
                      </a:lnTo>
                      <a:lnTo>
                        <a:pt x="127" y="113"/>
                      </a:lnTo>
                      <a:lnTo>
                        <a:pt x="127" y="115"/>
                      </a:lnTo>
                      <a:lnTo>
                        <a:pt x="127" y="117"/>
                      </a:lnTo>
                      <a:lnTo>
                        <a:pt x="127" y="119"/>
                      </a:lnTo>
                      <a:lnTo>
                        <a:pt x="127" y="122"/>
                      </a:lnTo>
                      <a:lnTo>
                        <a:pt x="127" y="124"/>
                      </a:lnTo>
                      <a:lnTo>
                        <a:pt x="127" y="125"/>
                      </a:lnTo>
                      <a:lnTo>
                        <a:pt x="127" y="127"/>
                      </a:lnTo>
                      <a:lnTo>
                        <a:pt x="128" y="128"/>
                      </a:lnTo>
                      <a:lnTo>
                        <a:pt x="128" y="130"/>
                      </a:lnTo>
                      <a:lnTo>
                        <a:pt x="129" y="132"/>
                      </a:lnTo>
                      <a:lnTo>
                        <a:pt x="129" y="133"/>
                      </a:lnTo>
                      <a:lnTo>
                        <a:pt x="130" y="135"/>
                      </a:lnTo>
                      <a:lnTo>
                        <a:pt x="130" y="136"/>
                      </a:lnTo>
                      <a:lnTo>
                        <a:pt x="131" y="138"/>
                      </a:lnTo>
                      <a:lnTo>
                        <a:pt x="133" y="140"/>
                      </a:lnTo>
                      <a:lnTo>
                        <a:pt x="133" y="142"/>
                      </a:lnTo>
                      <a:lnTo>
                        <a:pt x="134" y="143"/>
                      </a:lnTo>
                      <a:lnTo>
                        <a:pt x="135" y="145"/>
                      </a:lnTo>
                      <a:lnTo>
                        <a:pt x="135" y="147"/>
                      </a:lnTo>
                      <a:lnTo>
                        <a:pt x="97" y="147"/>
                      </a:lnTo>
                      <a:lnTo>
                        <a:pt x="97" y="146"/>
                      </a:lnTo>
                      <a:lnTo>
                        <a:pt x="97" y="145"/>
                      </a:lnTo>
                      <a:lnTo>
                        <a:pt x="96" y="144"/>
                      </a:lnTo>
                      <a:lnTo>
                        <a:pt x="96" y="143"/>
                      </a:lnTo>
                      <a:lnTo>
                        <a:pt x="95" y="142"/>
                      </a:lnTo>
                      <a:lnTo>
                        <a:pt x="95" y="141"/>
                      </a:lnTo>
                      <a:lnTo>
                        <a:pt x="95" y="140"/>
                      </a:lnTo>
                      <a:lnTo>
                        <a:pt x="94" y="138"/>
                      </a:lnTo>
                      <a:lnTo>
                        <a:pt x="94" y="137"/>
                      </a:lnTo>
                      <a:lnTo>
                        <a:pt x="94" y="136"/>
                      </a:lnTo>
                      <a:lnTo>
                        <a:pt x="92" y="136"/>
                      </a:lnTo>
                      <a:lnTo>
                        <a:pt x="92" y="135"/>
                      </a:lnTo>
                      <a:lnTo>
                        <a:pt x="92" y="134"/>
                      </a:lnTo>
                      <a:lnTo>
                        <a:pt x="92" y="133"/>
                      </a:lnTo>
                      <a:lnTo>
                        <a:pt x="92" y="132"/>
                      </a:lnTo>
                      <a:lnTo>
                        <a:pt x="91" y="132"/>
                      </a:lnTo>
                      <a:lnTo>
                        <a:pt x="90" y="133"/>
                      </a:lnTo>
                      <a:lnTo>
                        <a:pt x="88" y="134"/>
                      </a:lnTo>
                      <a:lnTo>
                        <a:pt x="87" y="135"/>
                      </a:lnTo>
                      <a:lnTo>
                        <a:pt x="85" y="137"/>
                      </a:lnTo>
                      <a:lnTo>
                        <a:pt x="83" y="138"/>
                      </a:lnTo>
                      <a:lnTo>
                        <a:pt x="81" y="140"/>
                      </a:lnTo>
                      <a:lnTo>
                        <a:pt x="80" y="141"/>
                      </a:lnTo>
                      <a:lnTo>
                        <a:pt x="78" y="142"/>
                      </a:lnTo>
                      <a:lnTo>
                        <a:pt x="77" y="143"/>
                      </a:lnTo>
                      <a:lnTo>
                        <a:pt x="75" y="144"/>
                      </a:lnTo>
                      <a:lnTo>
                        <a:pt x="73" y="145"/>
                      </a:lnTo>
                      <a:lnTo>
                        <a:pt x="71" y="146"/>
                      </a:lnTo>
                      <a:lnTo>
                        <a:pt x="70" y="146"/>
                      </a:lnTo>
                      <a:lnTo>
                        <a:pt x="68" y="147"/>
                      </a:lnTo>
                      <a:lnTo>
                        <a:pt x="66" y="147"/>
                      </a:lnTo>
                      <a:lnTo>
                        <a:pt x="64" y="149"/>
                      </a:lnTo>
                      <a:lnTo>
                        <a:pt x="62" y="149"/>
                      </a:lnTo>
                      <a:lnTo>
                        <a:pt x="60" y="150"/>
                      </a:lnTo>
                      <a:lnTo>
                        <a:pt x="58" y="150"/>
                      </a:lnTo>
                      <a:lnTo>
                        <a:pt x="57" y="150"/>
                      </a:lnTo>
                      <a:lnTo>
                        <a:pt x="54" y="150"/>
                      </a:lnTo>
                      <a:lnTo>
                        <a:pt x="52" y="150"/>
                      </a:lnTo>
                      <a:lnTo>
                        <a:pt x="50" y="150"/>
                      </a:lnTo>
                      <a:lnTo>
                        <a:pt x="48" y="151"/>
                      </a:lnTo>
                      <a:lnTo>
                        <a:pt x="44" y="150"/>
                      </a:lnTo>
                      <a:lnTo>
                        <a:pt x="41" y="150"/>
                      </a:lnTo>
                      <a:lnTo>
                        <a:pt x="38" y="150"/>
                      </a:lnTo>
                      <a:lnTo>
                        <a:pt x="34" y="149"/>
                      </a:lnTo>
                      <a:lnTo>
                        <a:pt x="31" y="149"/>
                      </a:lnTo>
                      <a:lnTo>
                        <a:pt x="29" y="147"/>
                      </a:lnTo>
                      <a:lnTo>
                        <a:pt x="25" y="146"/>
                      </a:lnTo>
                      <a:lnTo>
                        <a:pt x="23" y="145"/>
                      </a:lnTo>
                      <a:lnTo>
                        <a:pt x="21" y="143"/>
                      </a:lnTo>
                      <a:lnTo>
                        <a:pt x="18" y="142"/>
                      </a:lnTo>
                      <a:lnTo>
                        <a:pt x="15" y="140"/>
                      </a:lnTo>
                      <a:lnTo>
                        <a:pt x="13" y="138"/>
                      </a:lnTo>
                      <a:lnTo>
                        <a:pt x="12" y="136"/>
                      </a:lnTo>
                      <a:lnTo>
                        <a:pt x="10" y="134"/>
                      </a:lnTo>
                      <a:lnTo>
                        <a:pt x="7" y="132"/>
                      </a:lnTo>
                      <a:lnTo>
                        <a:pt x="6" y="130"/>
                      </a:lnTo>
                      <a:lnTo>
                        <a:pt x="5" y="126"/>
                      </a:lnTo>
                      <a:lnTo>
                        <a:pt x="3" y="124"/>
                      </a:lnTo>
                      <a:lnTo>
                        <a:pt x="3" y="122"/>
                      </a:lnTo>
                      <a:lnTo>
                        <a:pt x="2" y="119"/>
                      </a:lnTo>
                      <a:lnTo>
                        <a:pt x="1" y="116"/>
                      </a:lnTo>
                      <a:lnTo>
                        <a:pt x="1" y="114"/>
                      </a:lnTo>
                      <a:lnTo>
                        <a:pt x="1" y="111"/>
                      </a:lnTo>
                      <a:lnTo>
                        <a:pt x="0" y="108"/>
                      </a:lnTo>
                      <a:lnTo>
                        <a:pt x="1" y="106"/>
                      </a:lnTo>
                      <a:lnTo>
                        <a:pt x="1" y="104"/>
                      </a:lnTo>
                      <a:lnTo>
                        <a:pt x="1" y="102"/>
                      </a:lnTo>
                      <a:lnTo>
                        <a:pt x="1" y="99"/>
                      </a:lnTo>
                      <a:lnTo>
                        <a:pt x="1" y="98"/>
                      </a:lnTo>
                      <a:lnTo>
                        <a:pt x="2" y="96"/>
                      </a:lnTo>
                      <a:lnTo>
                        <a:pt x="2" y="94"/>
                      </a:lnTo>
                      <a:lnTo>
                        <a:pt x="3" y="93"/>
                      </a:lnTo>
                      <a:lnTo>
                        <a:pt x="3" y="90"/>
                      </a:lnTo>
                      <a:lnTo>
                        <a:pt x="4" y="89"/>
                      </a:lnTo>
                      <a:lnTo>
                        <a:pt x="5" y="87"/>
                      </a:lnTo>
                      <a:lnTo>
                        <a:pt x="5" y="86"/>
                      </a:lnTo>
                      <a:lnTo>
                        <a:pt x="6" y="84"/>
                      </a:lnTo>
                      <a:lnTo>
                        <a:pt x="7" y="83"/>
                      </a:lnTo>
                      <a:lnTo>
                        <a:pt x="9" y="81"/>
                      </a:lnTo>
                      <a:lnTo>
                        <a:pt x="10" y="79"/>
                      </a:lnTo>
                      <a:lnTo>
                        <a:pt x="12" y="78"/>
                      </a:lnTo>
                      <a:lnTo>
                        <a:pt x="13" y="77"/>
                      </a:lnTo>
                      <a:lnTo>
                        <a:pt x="14" y="76"/>
                      </a:lnTo>
                      <a:lnTo>
                        <a:pt x="15" y="75"/>
                      </a:lnTo>
                      <a:lnTo>
                        <a:pt x="18" y="74"/>
                      </a:lnTo>
                      <a:lnTo>
                        <a:pt x="19" y="72"/>
                      </a:lnTo>
                      <a:lnTo>
                        <a:pt x="21" y="71"/>
                      </a:lnTo>
                      <a:lnTo>
                        <a:pt x="22" y="71"/>
                      </a:lnTo>
                      <a:lnTo>
                        <a:pt x="24" y="70"/>
                      </a:lnTo>
                      <a:lnTo>
                        <a:pt x="26" y="69"/>
                      </a:lnTo>
                      <a:lnTo>
                        <a:pt x="29" y="68"/>
                      </a:lnTo>
                      <a:lnTo>
                        <a:pt x="31" y="68"/>
                      </a:lnTo>
                      <a:lnTo>
                        <a:pt x="33" y="67"/>
                      </a:lnTo>
                      <a:lnTo>
                        <a:pt x="35" y="66"/>
                      </a:lnTo>
                      <a:lnTo>
                        <a:pt x="38" y="66"/>
                      </a:lnTo>
                      <a:lnTo>
                        <a:pt x="41" y="65"/>
                      </a:lnTo>
                      <a:lnTo>
                        <a:pt x="43" y="64"/>
                      </a:lnTo>
                      <a:lnTo>
                        <a:pt x="47" y="64"/>
                      </a:lnTo>
                      <a:lnTo>
                        <a:pt x="50" y="62"/>
                      </a:lnTo>
                      <a:lnTo>
                        <a:pt x="52" y="62"/>
                      </a:lnTo>
                      <a:lnTo>
                        <a:pt x="57" y="61"/>
                      </a:lnTo>
                      <a:lnTo>
                        <a:pt x="61" y="60"/>
                      </a:lnTo>
                      <a:lnTo>
                        <a:pt x="66" y="59"/>
                      </a:lnTo>
                      <a:lnTo>
                        <a:pt x="69" y="59"/>
                      </a:lnTo>
                      <a:lnTo>
                        <a:pt x="72" y="58"/>
                      </a:lnTo>
                      <a:lnTo>
                        <a:pt x="76" y="57"/>
                      </a:lnTo>
                      <a:lnTo>
                        <a:pt x="78" y="57"/>
                      </a:lnTo>
                      <a:lnTo>
                        <a:pt x="81" y="56"/>
                      </a:lnTo>
                      <a:lnTo>
                        <a:pt x="83" y="55"/>
                      </a:lnTo>
                      <a:lnTo>
                        <a:pt x="86" y="55"/>
                      </a:lnTo>
                      <a:lnTo>
                        <a:pt x="88" y="53"/>
                      </a:lnTo>
                      <a:lnTo>
                        <a:pt x="89" y="53"/>
                      </a:lnTo>
                      <a:lnTo>
                        <a:pt x="89" y="50"/>
                      </a:lnTo>
                      <a:lnTo>
                        <a:pt x="89" y="48"/>
                      </a:lnTo>
                      <a:lnTo>
                        <a:pt x="89" y="46"/>
                      </a:lnTo>
                      <a:lnTo>
                        <a:pt x="89" y="45"/>
                      </a:lnTo>
                      <a:lnTo>
                        <a:pt x="89" y="42"/>
                      </a:lnTo>
                      <a:lnTo>
                        <a:pt x="89" y="41"/>
                      </a:lnTo>
                      <a:lnTo>
                        <a:pt x="88" y="40"/>
                      </a:lnTo>
                      <a:lnTo>
                        <a:pt x="88" y="39"/>
                      </a:lnTo>
                      <a:lnTo>
                        <a:pt x="87" y="38"/>
                      </a:lnTo>
                      <a:lnTo>
                        <a:pt x="87" y="37"/>
                      </a:lnTo>
                      <a:lnTo>
                        <a:pt x="86" y="36"/>
                      </a:lnTo>
                      <a:lnTo>
                        <a:pt x="85" y="34"/>
                      </a:lnTo>
                      <a:lnTo>
                        <a:pt x="83" y="34"/>
                      </a:lnTo>
                      <a:lnTo>
                        <a:pt x="83" y="33"/>
                      </a:lnTo>
                      <a:lnTo>
                        <a:pt x="82" y="32"/>
                      </a:lnTo>
                      <a:lnTo>
                        <a:pt x="80" y="31"/>
                      </a:lnTo>
                      <a:lnTo>
                        <a:pt x="79" y="31"/>
                      </a:lnTo>
                      <a:lnTo>
                        <a:pt x="78" y="30"/>
                      </a:lnTo>
                      <a:lnTo>
                        <a:pt x="76" y="30"/>
                      </a:lnTo>
                      <a:lnTo>
                        <a:pt x="75" y="29"/>
                      </a:lnTo>
                      <a:lnTo>
                        <a:pt x="72" y="29"/>
                      </a:lnTo>
                      <a:lnTo>
                        <a:pt x="70" y="29"/>
                      </a:lnTo>
                      <a:lnTo>
                        <a:pt x="69" y="29"/>
                      </a:lnTo>
                      <a:lnTo>
                        <a:pt x="67" y="29"/>
                      </a:lnTo>
                      <a:lnTo>
                        <a:pt x="63" y="29"/>
                      </a:lnTo>
                      <a:lnTo>
                        <a:pt x="62" y="29"/>
                      </a:lnTo>
                      <a:lnTo>
                        <a:pt x="60" y="29"/>
                      </a:lnTo>
                      <a:lnTo>
                        <a:pt x="59" y="29"/>
                      </a:lnTo>
                      <a:lnTo>
                        <a:pt x="57" y="29"/>
                      </a:lnTo>
                      <a:lnTo>
                        <a:pt x="56" y="29"/>
                      </a:lnTo>
                      <a:lnTo>
                        <a:pt x="54" y="30"/>
                      </a:lnTo>
                      <a:lnTo>
                        <a:pt x="53" y="30"/>
                      </a:lnTo>
                      <a:lnTo>
                        <a:pt x="51" y="30"/>
                      </a:lnTo>
                      <a:lnTo>
                        <a:pt x="50" y="31"/>
                      </a:lnTo>
                      <a:lnTo>
                        <a:pt x="49" y="31"/>
                      </a:lnTo>
                      <a:lnTo>
                        <a:pt x="48" y="32"/>
                      </a:lnTo>
                      <a:lnTo>
                        <a:pt x="47" y="33"/>
                      </a:lnTo>
                      <a:lnTo>
                        <a:pt x="45" y="34"/>
                      </a:lnTo>
                      <a:lnTo>
                        <a:pt x="44" y="36"/>
                      </a:lnTo>
                      <a:lnTo>
                        <a:pt x="43" y="37"/>
                      </a:lnTo>
                      <a:lnTo>
                        <a:pt x="43" y="38"/>
                      </a:lnTo>
                      <a:lnTo>
                        <a:pt x="42" y="39"/>
                      </a:lnTo>
                      <a:lnTo>
                        <a:pt x="41" y="40"/>
                      </a:lnTo>
                      <a:lnTo>
                        <a:pt x="41" y="41"/>
                      </a:lnTo>
                      <a:lnTo>
                        <a:pt x="40" y="42"/>
                      </a:lnTo>
                      <a:lnTo>
                        <a:pt x="40" y="45"/>
                      </a:lnTo>
                      <a:lnTo>
                        <a:pt x="39" y="46"/>
                      </a:lnTo>
                      <a:lnTo>
                        <a:pt x="38" y="48"/>
                      </a:lnTo>
                      <a:close/>
                      <a:moveTo>
                        <a:pt x="89" y="78"/>
                      </a:moveTo>
                      <a:lnTo>
                        <a:pt x="88" y="78"/>
                      </a:lnTo>
                      <a:lnTo>
                        <a:pt x="87" y="78"/>
                      </a:lnTo>
                      <a:lnTo>
                        <a:pt x="86" y="79"/>
                      </a:lnTo>
                      <a:lnTo>
                        <a:pt x="83" y="79"/>
                      </a:lnTo>
                      <a:lnTo>
                        <a:pt x="81" y="80"/>
                      </a:lnTo>
                      <a:lnTo>
                        <a:pt x="80" y="80"/>
                      </a:lnTo>
                      <a:lnTo>
                        <a:pt x="78" y="81"/>
                      </a:lnTo>
                      <a:lnTo>
                        <a:pt x="76" y="81"/>
                      </a:lnTo>
                      <a:lnTo>
                        <a:pt x="73" y="83"/>
                      </a:lnTo>
                      <a:lnTo>
                        <a:pt x="71" y="83"/>
                      </a:lnTo>
                      <a:lnTo>
                        <a:pt x="69" y="84"/>
                      </a:lnTo>
                      <a:lnTo>
                        <a:pt x="66" y="85"/>
                      </a:lnTo>
                      <a:lnTo>
                        <a:pt x="63" y="85"/>
                      </a:lnTo>
                      <a:lnTo>
                        <a:pt x="61" y="85"/>
                      </a:lnTo>
                      <a:lnTo>
                        <a:pt x="59" y="86"/>
                      </a:lnTo>
                      <a:lnTo>
                        <a:pt x="57" y="86"/>
                      </a:lnTo>
                      <a:lnTo>
                        <a:pt x="56" y="86"/>
                      </a:lnTo>
                      <a:lnTo>
                        <a:pt x="53" y="87"/>
                      </a:lnTo>
                      <a:lnTo>
                        <a:pt x="52" y="87"/>
                      </a:lnTo>
                      <a:lnTo>
                        <a:pt x="50" y="88"/>
                      </a:lnTo>
                      <a:lnTo>
                        <a:pt x="49" y="88"/>
                      </a:lnTo>
                      <a:lnTo>
                        <a:pt x="48" y="89"/>
                      </a:lnTo>
                      <a:lnTo>
                        <a:pt x="47" y="89"/>
                      </a:lnTo>
                      <a:lnTo>
                        <a:pt x="45" y="90"/>
                      </a:lnTo>
                      <a:lnTo>
                        <a:pt x="44" y="90"/>
                      </a:lnTo>
                      <a:lnTo>
                        <a:pt x="43" y="91"/>
                      </a:lnTo>
                      <a:lnTo>
                        <a:pt x="42" y="93"/>
                      </a:lnTo>
                      <a:lnTo>
                        <a:pt x="42" y="94"/>
                      </a:lnTo>
                      <a:lnTo>
                        <a:pt x="41" y="95"/>
                      </a:lnTo>
                      <a:lnTo>
                        <a:pt x="40" y="96"/>
                      </a:lnTo>
                      <a:lnTo>
                        <a:pt x="40" y="97"/>
                      </a:lnTo>
                      <a:lnTo>
                        <a:pt x="39" y="98"/>
                      </a:lnTo>
                      <a:lnTo>
                        <a:pt x="39" y="99"/>
                      </a:lnTo>
                      <a:lnTo>
                        <a:pt x="39" y="100"/>
                      </a:lnTo>
                      <a:lnTo>
                        <a:pt x="39" y="102"/>
                      </a:lnTo>
                      <a:lnTo>
                        <a:pt x="38" y="104"/>
                      </a:lnTo>
                      <a:lnTo>
                        <a:pt x="39" y="105"/>
                      </a:lnTo>
                      <a:lnTo>
                        <a:pt x="39" y="106"/>
                      </a:lnTo>
                      <a:lnTo>
                        <a:pt x="39" y="107"/>
                      </a:lnTo>
                      <a:lnTo>
                        <a:pt x="39" y="109"/>
                      </a:lnTo>
                      <a:lnTo>
                        <a:pt x="39" y="111"/>
                      </a:lnTo>
                      <a:lnTo>
                        <a:pt x="40" y="112"/>
                      </a:lnTo>
                      <a:lnTo>
                        <a:pt x="40" y="113"/>
                      </a:lnTo>
                      <a:lnTo>
                        <a:pt x="41" y="114"/>
                      </a:lnTo>
                      <a:lnTo>
                        <a:pt x="41" y="115"/>
                      </a:lnTo>
                      <a:lnTo>
                        <a:pt x="42" y="116"/>
                      </a:lnTo>
                      <a:lnTo>
                        <a:pt x="43" y="117"/>
                      </a:lnTo>
                      <a:lnTo>
                        <a:pt x="43" y="118"/>
                      </a:lnTo>
                      <a:lnTo>
                        <a:pt x="45" y="118"/>
                      </a:lnTo>
                      <a:lnTo>
                        <a:pt x="47" y="119"/>
                      </a:lnTo>
                      <a:lnTo>
                        <a:pt x="48" y="121"/>
                      </a:lnTo>
                      <a:lnTo>
                        <a:pt x="49" y="121"/>
                      </a:lnTo>
                      <a:lnTo>
                        <a:pt x="50" y="122"/>
                      </a:lnTo>
                      <a:lnTo>
                        <a:pt x="51" y="122"/>
                      </a:lnTo>
                      <a:lnTo>
                        <a:pt x="52" y="123"/>
                      </a:lnTo>
                      <a:lnTo>
                        <a:pt x="53" y="123"/>
                      </a:lnTo>
                      <a:lnTo>
                        <a:pt x="56" y="123"/>
                      </a:lnTo>
                      <a:lnTo>
                        <a:pt x="57" y="123"/>
                      </a:lnTo>
                      <a:lnTo>
                        <a:pt x="58" y="123"/>
                      </a:lnTo>
                      <a:lnTo>
                        <a:pt x="59" y="124"/>
                      </a:lnTo>
                      <a:lnTo>
                        <a:pt x="61" y="123"/>
                      </a:lnTo>
                      <a:lnTo>
                        <a:pt x="62" y="123"/>
                      </a:lnTo>
                      <a:lnTo>
                        <a:pt x="64" y="123"/>
                      </a:lnTo>
                      <a:lnTo>
                        <a:pt x="66" y="123"/>
                      </a:lnTo>
                      <a:lnTo>
                        <a:pt x="68" y="122"/>
                      </a:lnTo>
                      <a:lnTo>
                        <a:pt x="69" y="122"/>
                      </a:lnTo>
                      <a:lnTo>
                        <a:pt x="71" y="121"/>
                      </a:lnTo>
                      <a:lnTo>
                        <a:pt x="72" y="121"/>
                      </a:lnTo>
                      <a:lnTo>
                        <a:pt x="73" y="119"/>
                      </a:lnTo>
                      <a:lnTo>
                        <a:pt x="76" y="118"/>
                      </a:lnTo>
                      <a:lnTo>
                        <a:pt x="77" y="117"/>
                      </a:lnTo>
                      <a:lnTo>
                        <a:pt x="78" y="117"/>
                      </a:lnTo>
                      <a:lnTo>
                        <a:pt x="79" y="116"/>
                      </a:lnTo>
                      <a:lnTo>
                        <a:pt x="80" y="115"/>
                      </a:lnTo>
                      <a:lnTo>
                        <a:pt x="81" y="114"/>
                      </a:lnTo>
                      <a:lnTo>
                        <a:pt x="82" y="113"/>
                      </a:lnTo>
                      <a:lnTo>
                        <a:pt x="83" y="112"/>
                      </a:lnTo>
                      <a:lnTo>
                        <a:pt x="85" y="111"/>
                      </a:lnTo>
                      <a:lnTo>
                        <a:pt x="85" y="109"/>
                      </a:lnTo>
                      <a:lnTo>
                        <a:pt x="86" y="108"/>
                      </a:lnTo>
                      <a:lnTo>
                        <a:pt x="86" y="107"/>
                      </a:lnTo>
                      <a:lnTo>
                        <a:pt x="87" y="106"/>
                      </a:lnTo>
                      <a:lnTo>
                        <a:pt x="87" y="105"/>
                      </a:lnTo>
                      <a:lnTo>
                        <a:pt x="88" y="104"/>
                      </a:lnTo>
                      <a:lnTo>
                        <a:pt x="88" y="103"/>
                      </a:lnTo>
                      <a:lnTo>
                        <a:pt x="88" y="102"/>
                      </a:lnTo>
                      <a:lnTo>
                        <a:pt x="89" y="99"/>
                      </a:lnTo>
                      <a:lnTo>
                        <a:pt x="89" y="98"/>
                      </a:lnTo>
                      <a:lnTo>
                        <a:pt x="89" y="97"/>
                      </a:lnTo>
                      <a:lnTo>
                        <a:pt x="89" y="95"/>
                      </a:lnTo>
                      <a:lnTo>
                        <a:pt x="89" y="94"/>
                      </a:lnTo>
                      <a:lnTo>
                        <a:pt x="89" y="91"/>
                      </a:lnTo>
                      <a:lnTo>
                        <a:pt x="89" y="89"/>
                      </a:lnTo>
                      <a:lnTo>
                        <a:pt x="89" y="87"/>
                      </a:lnTo>
                      <a:lnTo>
                        <a:pt x="89" y="86"/>
                      </a:lnTo>
                      <a:lnTo>
                        <a:pt x="89" y="78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0" name="Freeform 17">
                  <a:extLst>
                    <a:ext uri="{FF2B5EF4-FFF2-40B4-BE49-F238E27FC236}">
                      <a16:creationId xmlns:a16="http://schemas.microsoft.com/office/drawing/2014/main" id="{1C754CD5-46B8-4442-B517-7B5393B31FC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07" y="3730"/>
                  <a:ext cx="46" cy="74"/>
                </a:xfrm>
                <a:custGeom>
                  <a:avLst/>
                  <a:gdLst>
                    <a:gd name="T0" fmla="*/ 0 w 91"/>
                    <a:gd name="T1" fmla="*/ 1 h 147"/>
                    <a:gd name="T2" fmla="*/ 1 w 91"/>
                    <a:gd name="T3" fmla="*/ 1 h 147"/>
                    <a:gd name="T4" fmla="*/ 1 w 91"/>
                    <a:gd name="T5" fmla="*/ 1 h 147"/>
                    <a:gd name="T6" fmla="*/ 1 w 91"/>
                    <a:gd name="T7" fmla="*/ 1 h 147"/>
                    <a:gd name="T8" fmla="*/ 1 w 91"/>
                    <a:gd name="T9" fmla="*/ 1 h 147"/>
                    <a:gd name="T10" fmla="*/ 1 w 91"/>
                    <a:gd name="T11" fmla="*/ 1 h 147"/>
                    <a:gd name="T12" fmla="*/ 1 w 91"/>
                    <a:gd name="T13" fmla="*/ 1 h 147"/>
                    <a:gd name="T14" fmla="*/ 1 w 91"/>
                    <a:gd name="T15" fmla="*/ 1 h 147"/>
                    <a:gd name="T16" fmla="*/ 1 w 91"/>
                    <a:gd name="T17" fmla="*/ 1 h 147"/>
                    <a:gd name="T18" fmla="*/ 1 w 91"/>
                    <a:gd name="T19" fmla="*/ 1 h 147"/>
                    <a:gd name="T20" fmla="*/ 1 w 91"/>
                    <a:gd name="T21" fmla="*/ 1 h 147"/>
                    <a:gd name="T22" fmla="*/ 1 w 91"/>
                    <a:gd name="T23" fmla="*/ 0 h 147"/>
                    <a:gd name="T24" fmla="*/ 1 w 91"/>
                    <a:gd name="T25" fmla="*/ 0 h 147"/>
                    <a:gd name="T26" fmla="*/ 1 w 91"/>
                    <a:gd name="T27" fmla="*/ 0 h 147"/>
                    <a:gd name="T28" fmla="*/ 1 w 91"/>
                    <a:gd name="T29" fmla="*/ 0 h 147"/>
                    <a:gd name="T30" fmla="*/ 1 w 91"/>
                    <a:gd name="T31" fmla="*/ 0 h 147"/>
                    <a:gd name="T32" fmla="*/ 1 w 91"/>
                    <a:gd name="T33" fmla="*/ 1 h 147"/>
                    <a:gd name="T34" fmla="*/ 1 w 91"/>
                    <a:gd name="T35" fmla="*/ 1 h 147"/>
                    <a:gd name="T36" fmla="*/ 1 w 91"/>
                    <a:gd name="T37" fmla="*/ 1 h 147"/>
                    <a:gd name="T38" fmla="*/ 1 w 91"/>
                    <a:gd name="T39" fmla="*/ 1 h 147"/>
                    <a:gd name="T40" fmla="*/ 1 w 91"/>
                    <a:gd name="T41" fmla="*/ 1 h 147"/>
                    <a:gd name="T42" fmla="*/ 1 w 91"/>
                    <a:gd name="T43" fmla="*/ 1 h 147"/>
                    <a:gd name="T44" fmla="*/ 1 w 91"/>
                    <a:gd name="T45" fmla="*/ 1 h 147"/>
                    <a:gd name="T46" fmla="*/ 1 w 91"/>
                    <a:gd name="T47" fmla="*/ 1 h 147"/>
                    <a:gd name="T48" fmla="*/ 1 w 91"/>
                    <a:gd name="T49" fmla="*/ 1 h 147"/>
                    <a:gd name="T50" fmla="*/ 1 w 91"/>
                    <a:gd name="T51" fmla="*/ 1 h 147"/>
                    <a:gd name="T52" fmla="*/ 1 w 91"/>
                    <a:gd name="T53" fmla="*/ 1 h 147"/>
                    <a:gd name="T54" fmla="*/ 1 w 91"/>
                    <a:gd name="T55" fmla="*/ 1 h 147"/>
                    <a:gd name="T56" fmla="*/ 1 w 91"/>
                    <a:gd name="T57" fmla="*/ 1 h 147"/>
                    <a:gd name="T58" fmla="*/ 1 w 91"/>
                    <a:gd name="T59" fmla="*/ 1 h 147"/>
                    <a:gd name="T60" fmla="*/ 1 w 91"/>
                    <a:gd name="T61" fmla="*/ 1 h 147"/>
                    <a:gd name="T62" fmla="*/ 1 w 91"/>
                    <a:gd name="T63" fmla="*/ 1 h 147"/>
                    <a:gd name="T64" fmla="*/ 1 w 91"/>
                    <a:gd name="T65" fmla="*/ 1 h 147"/>
                    <a:gd name="T66" fmla="*/ 1 w 91"/>
                    <a:gd name="T67" fmla="*/ 1 h 147"/>
                    <a:gd name="T68" fmla="*/ 1 w 91"/>
                    <a:gd name="T69" fmla="*/ 1 h 147"/>
                    <a:gd name="T70" fmla="*/ 1 w 91"/>
                    <a:gd name="T71" fmla="*/ 1 h 147"/>
                    <a:gd name="T72" fmla="*/ 1 w 91"/>
                    <a:gd name="T73" fmla="*/ 1 h 147"/>
                    <a:gd name="T74" fmla="*/ 1 w 91"/>
                    <a:gd name="T75" fmla="*/ 1 h 147"/>
                    <a:gd name="T76" fmla="*/ 1 w 91"/>
                    <a:gd name="T77" fmla="*/ 1 h 147"/>
                    <a:gd name="T78" fmla="*/ 1 w 91"/>
                    <a:gd name="T79" fmla="*/ 1 h 147"/>
                    <a:gd name="T80" fmla="*/ 1 w 91"/>
                    <a:gd name="T81" fmla="*/ 1 h 147"/>
                    <a:gd name="T82" fmla="*/ 1 w 91"/>
                    <a:gd name="T83" fmla="*/ 1 h 147"/>
                    <a:gd name="T84" fmla="*/ 1 w 91"/>
                    <a:gd name="T85" fmla="*/ 1 h 147"/>
                    <a:gd name="T86" fmla="*/ 1 w 91"/>
                    <a:gd name="T87" fmla="*/ 1 h 147"/>
                    <a:gd name="T88" fmla="*/ 1 w 91"/>
                    <a:gd name="T89" fmla="*/ 1 h 147"/>
                    <a:gd name="T90" fmla="*/ 1 w 91"/>
                    <a:gd name="T91" fmla="*/ 1 h 147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</a:gdLst>
                  <a:ahLst/>
                  <a:cxnLst>
                    <a:cxn ang="T92">
                      <a:pos x="T0" y="T1"/>
                    </a:cxn>
                    <a:cxn ang="T93">
                      <a:pos x="T2" y="T3"/>
                    </a:cxn>
                    <a:cxn ang="T94">
                      <a:pos x="T4" y="T5"/>
                    </a:cxn>
                    <a:cxn ang="T95">
                      <a:pos x="T6" y="T7"/>
                    </a:cxn>
                    <a:cxn ang="T96">
                      <a:pos x="T8" y="T9"/>
                    </a:cxn>
                    <a:cxn ang="T97">
                      <a:pos x="T10" y="T11"/>
                    </a:cxn>
                    <a:cxn ang="T98">
                      <a:pos x="T12" y="T13"/>
                    </a:cxn>
                    <a:cxn ang="T99">
                      <a:pos x="T14" y="T15"/>
                    </a:cxn>
                    <a:cxn ang="T100">
                      <a:pos x="T16" y="T17"/>
                    </a:cxn>
                    <a:cxn ang="T101">
                      <a:pos x="T18" y="T19"/>
                    </a:cxn>
                    <a:cxn ang="T102">
                      <a:pos x="T20" y="T21"/>
                    </a:cxn>
                    <a:cxn ang="T103">
                      <a:pos x="T22" y="T23"/>
                    </a:cxn>
                    <a:cxn ang="T104">
                      <a:pos x="T24" y="T25"/>
                    </a:cxn>
                    <a:cxn ang="T105">
                      <a:pos x="T26" y="T27"/>
                    </a:cxn>
                    <a:cxn ang="T106">
                      <a:pos x="T28" y="T29"/>
                    </a:cxn>
                    <a:cxn ang="T107">
                      <a:pos x="T30" y="T31"/>
                    </a:cxn>
                    <a:cxn ang="T108">
                      <a:pos x="T32" y="T33"/>
                    </a:cxn>
                    <a:cxn ang="T109">
                      <a:pos x="T34" y="T35"/>
                    </a:cxn>
                    <a:cxn ang="T110">
                      <a:pos x="T36" y="T37"/>
                    </a:cxn>
                    <a:cxn ang="T111">
                      <a:pos x="T38" y="T39"/>
                    </a:cxn>
                    <a:cxn ang="T112">
                      <a:pos x="T40" y="T41"/>
                    </a:cxn>
                    <a:cxn ang="T113">
                      <a:pos x="T42" y="T43"/>
                    </a:cxn>
                    <a:cxn ang="T114">
                      <a:pos x="T44" y="T45"/>
                    </a:cxn>
                    <a:cxn ang="T115">
                      <a:pos x="T46" y="T47"/>
                    </a:cxn>
                    <a:cxn ang="T116">
                      <a:pos x="T48" y="T49"/>
                    </a:cxn>
                    <a:cxn ang="T117">
                      <a:pos x="T50" y="T51"/>
                    </a:cxn>
                    <a:cxn ang="T118">
                      <a:pos x="T52" y="T53"/>
                    </a:cxn>
                    <a:cxn ang="T119">
                      <a:pos x="T54" y="T55"/>
                    </a:cxn>
                    <a:cxn ang="T120">
                      <a:pos x="T56" y="T57"/>
                    </a:cxn>
                    <a:cxn ang="T121">
                      <a:pos x="T58" y="T59"/>
                    </a:cxn>
                    <a:cxn ang="T122">
                      <a:pos x="T60" y="T61"/>
                    </a:cxn>
                    <a:cxn ang="T123">
                      <a:pos x="T62" y="T63"/>
                    </a:cxn>
                    <a:cxn ang="T124">
                      <a:pos x="T64" y="T65"/>
                    </a:cxn>
                    <a:cxn ang="T125">
                      <a:pos x="T66" y="T67"/>
                    </a:cxn>
                    <a:cxn ang="T126">
                      <a:pos x="T68" y="T69"/>
                    </a:cxn>
                    <a:cxn ang="T127">
                      <a:pos x="T70" y="T71"/>
                    </a:cxn>
                    <a:cxn ang="T128">
                      <a:pos x="T72" y="T73"/>
                    </a:cxn>
                    <a:cxn ang="T129">
                      <a:pos x="T74" y="T75"/>
                    </a:cxn>
                    <a:cxn ang="T130">
                      <a:pos x="T76" y="T77"/>
                    </a:cxn>
                    <a:cxn ang="T131">
                      <a:pos x="T78" y="T79"/>
                    </a:cxn>
                    <a:cxn ang="T132">
                      <a:pos x="T80" y="T81"/>
                    </a:cxn>
                    <a:cxn ang="T133">
                      <a:pos x="T82" y="T83"/>
                    </a:cxn>
                    <a:cxn ang="T134">
                      <a:pos x="T84" y="T85"/>
                    </a:cxn>
                    <a:cxn ang="T135">
                      <a:pos x="T86" y="T87"/>
                    </a:cxn>
                    <a:cxn ang="T136">
                      <a:pos x="T88" y="T89"/>
                    </a:cxn>
                    <a:cxn ang="T137">
                      <a:pos x="T90" y="T91"/>
                    </a:cxn>
                  </a:cxnLst>
                  <a:rect l="0" t="0" r="r" b="b"/>
                  <a:pathLst>
                    <a:path w="91" h="147">
                      <a:moveTo>
                        <a:pt x="38" y="147"/>
                      </a:moveTo>
                      <a:lnTo>
                        <a:pt x="0" y="147"/>
                      </a:lnTo>
                      <a:lnTo>
                        <a:pt x="0" y="3"/>
                      </a:lnTo>
                      <a:lnTo>
                        <a:pt x="34" y="3"/>
                      </a:lnTo>
                      <a:lnTo>
                        <a:pt x="34" y="23"/>
                      </a:lnTo>
                      <a:lnTo>
                        <a:pt x="37" y="20"/>
                      </a:lnTo>
                      <a:lnTo>
                        <a:pt x="38" y="18"/>
                      </a:lnTo>
                      <a:lnTo>
                        <a:pt x="39" y="17"/>
                      </a:lnTo>
                      <a:lnTo>
                        <a:pt x="40" y="14"/>
                      </a:lnTo>
                      <a:lnTo>
                        <a:pt x="41" y="12"/>
                      </a:lnTo>
                      <a:lnTo>
                        <a:pt x="42" y="11"/>
                      </a:lnTo>
                      <a:lnTo>
                        <a:pt x="43" y="9"/>
                      </a:lnTo>
                      <a:lnTo>
                        <a:pt x="44" y="8"/>
                      </a:lnTo>
                      <a:lnTo>
                        <a:pt x="45" y="6"/>
                      </a:lnTo>
                      <a:lnTo>
                        <a:pt x="47" y="5"/>
                      </a:lnTo>
                      <a:lnTo>
                        <a:pt x="48" y="4"/>
                      </a:lnTo>
                      <a:lnTo>
                        <a:pt x="50" y="4"/>
                      </a:lnTo>
                      <a:lnTo>
                        <a:pt x="51" y="3"/>
                      </a:lnTo>
                      <a:lnTo>
                        <a:pt x="52" y="2"/>
                      </a:lnTo>
                      <a:lnTo>
                        <a:pt x="53" y="2"/>
                      </a:lnTo>
                      <a:lnTo>
                        <a:pt x="54" y="1"/>
                      </a:lnTo>
                      <a:lnTo>
                        <a:pt x="56" y="1"/>
                      </a:lnTo>
                      <a:lnTo>
                        <a:pt x="57" y="0"/>
                      </a:lnTo>
                      <a:lnTo>
                        <a:pt x="59" y="0"/>
                      </a:lnTo>
                      <a:lnTo>
                        <a:pt x="60" y="0"/>
                      </a:lnTo>
                      <a:lnTo>
                        <a:pt x="61" y="0"/>
                      </a:lnTo>
                      <a:lnTo>
                        <a:pt x="63" y="0"/>
                      </a:lnTo>
                      <a:lnTo>
                        <a:pt x="64" y="0"/>
                      </a:lnTo>
                      <a:lnTo>
                        <a:pt x="67" y="0"/>
                      </a:lnTo>
                      <a:lnTo>
                        <a:pt x="68" y="0"/>
                      </a:lnTo>
                      <a:lnTo>
                        <a:pt x="70" y="0"/>
                      </a:lnTo>
                      <a:lnTo>
                        <a:pt x="72" y="0"/>
                      </a:lnTo>
                      <a:lnTo>
                        <a:pt x="75" y="0"/>
                      </a:lnTo>
                      <a:lnTo>
                        <a:pt x="77" y="1"/>
                      </a:lnTo>
                      <a:lnTo>
                        <a:pt x="79" y="1"/>
                      </a:lnTo>
                      <a:lnTo>
                        <a:pt x="80" y="2"/>
                      </a:lnTo>
                      <a:lnTo>
                        <a:pt x="82" y="3"/>
                      </a:lnTo>
                      <a:lnTo>
                        <a:pt x="85" y="3"/>
                      </a:lnTo>
                      <a:lnTo>
                        <a:pt x="87" y="4"/>
                      </a:lnTo>
                      <a:lnTo>
                        <a:pt x="89" y="5"/>
                      </a:lnTo>
                      <a:lnTo>
                        <a:pt x="91" y="8"/>
                      </a:lnTo>
                      <a:lnTo>
                        <a:pt x="80" y="40"/>
                      </a:lnTo>
                      <a:lnTo>
                        <a:pt x="78" y="39"/>
                      </a:lnTo>
                      <a:lnTo>
                        <a:pt x="77" y="38"/>
                      </a:lnTo>
                      <a:lnTo>
                        <a:pt x="75" y="37"/>
                      </a:lnTo>
                      <a:lnTo>
                        <a:pt x="73" y="37"/>
                      </a:lnTo>
                      <a:lnTo>
                        <a:pt x="71" y="36"/>
                      </a:lnTo>
                      <a:lnTo>
                        <a:pt x="70" y="36"/>
                      </a:lnTo>
                      <a:lnTo>
                        <a:pt x="68" y="34"/>
                      </a:lnTo>
                      <a:lnTo>
                        <a:pt x="67" y="34"/>
                      </a:lnTo>
                      <a:lnTo>
                        <a:pt x="66" y="34"/>
                      </a:lnTo>
                      <a:lnTo>
                        <a:pt x="63" y="34"/>
                      </a:lnTo>
                      <a:lnTo>
                        <a:pt x="62" y="34"/>
                      </a:lnTo>
                      <a:lnTo>
                        <a:pt x="61" y="34"/>
                      </a:lnTo>
                      <a:lnTo>
                        <a:pt x="59" y="34"/>
                      </a:lnTo>
                      <a:lnTo>
                        <a:pt x="58" y="34"/>
                      </a:lnTo>
                      <a:lnTo>
                        <a:pt x="57" y="34"/>
                      </a:lnTo>
                      <a:lnTo>
                        <a:pt x="56" y="34"/>
                      </a:lnTo>
                      <a:lnTo>
                        <a:pt x="54" y="34"/>
                      </a:lnTo>
                      <a:lnTo>
                        <a:pt x="53" y="36"/>
                      </a:lnTo>
                      <a:lnTo>
                        <a:pt x="52" y="36"/>
                      </a:lnTo>
                      <a:lnTo>
                        <a:pt x="51" y="36"/>
                      </a:lnTo>
                      <a:lnTo>
                        <a:pt x="50" y="37"/>
                      </a:lnTo>
                      <a:lnTo>
                        <a:pt x="49" y="37"/>
                      </a:lnTo>
                      <a:lnTo>
                        <a:pt x="48" y="38"/>
                      </a:lnTo>
                      <a:lnTo>
                        <a:pt x="48" y="39"/>
                      </a:lnTo>
                      <a:lnTo>
                        <a:pt x="47" y="39"/>
                      </a:lnTo>
                      <a:lnTo>
                        <a:pt x="45" y="40"/>
                      </a:lnTo>
                      <a:lnTo>
                        <a:pt x="44" y="41"/>
                      </a:lnTo>
                      <a:lnTo>
                        <a:pt x="44" y="42"/>
                      </a:lnTo>
                      <a:lnTo>
                        <a:pt x="43" y="43"/>
                      </a:lnTo>
                      <a:lnTo>
                        <a:pt x="42" y="45"/>
                      </a:lnTo>
                      <a:lnTo>
                        <a:pt x="42" y="46"/>
                      </a:lnTo>
                      <a:lnTo>
                        <a:pt x="42" y="48"/>
                      </a:lnTo>
                      <a:lnTo>
                        <a:pt x="42" y="49"/>
                      </a:lnTo>
                      <a:lnTo>
                        <a:pt x="42" y="50"/>
                      </a:lnTo>
                      <a:lnTo>
                        <a:pt x="42" y="52"/>
                      </a:lnTo>
                      <a:lnTo>
                        <a:pt x="41" y="55"/>
                      </a:lnTo>
                      <a:lnTo>
                        <a:pt x="41" y="56"/>
                      </a:lnTo>
                      <a:lnTo>
                        <a:pt x="41" y="58"/>
                      </a:lnTo>
                      <a:lnTo>
                        <a:pt x="40" y="61"/>
                      </a:lnTo>
                      <a:lnTo>
                        <a:pt x="40" y="65"/>
                      </a:lnTo>
                      <a:lnTo>
                        <a:pt x="40" y="68"/>
                      </a:lnTo>
                      <a:lnTo>
                        <a:pt x="39" y="71"/>
                      </a:lnTo>
                      <a:lnTo>
                        <a:pt x="39" y="76"/>
                      </a:lnTo>
                      <a:lnTo>
                        <a:pt x="39" y="80"/>
                      </a:lnTo>
                      <a:lnTo>
                        <a:pt x="39" y="85"/>
                      </a:lnTo>
                      <a:lnTo>
                        <a:pt x="39" y="90"/>
                      </a:lnTo>
                      <a:lnTo>
                        <a:pt x="39" y="96"/>
                      </a:lnTo>
                      <a:lnTo>
                        <a:pt x="38" y="103"/>
                      </a:lnTo>
                      <a:lnTo>
                        <a:pt x="38" y="14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1" name="Freeform 18">
                  <a:extLst>
                    <a:ext uri="{FF2B5EF4-FFF2-40B4-BE49-F238E27FC236}">
                      <a16:creationId xmlns:a16="http://schemas.microsoft.com/office/drawing/2014/main" id="{A09A053C-6916-4D79-BC2B-414267960607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155" y="3730"/>
                  <a:ext cx="67" cy="75"/>
                </a:xfrm>
                <a:custGeom>
                  <a:avLst/>
                  <a:gdLst>
                    <a:gd name="T0" fmla="*/ 1 w 134"/>
                    <a:gd name="T1" fmla="*/ 0 h 151"/>
                    <a:gd name="T2" fmla="*/ 1 w 134"/>
                    <a:gd name="T3" fmla="*/ 0 h 151"/>
                    <a:gd name="T4" fmla="*/ 1 w 134"/>
                    <a:gd name="T5" fmla="*/ 0 h 151"/>
                    <a:gd name="T6" fmla="*/ 1 w 134"/>
                    <a:gd name="T7" fmla="*/ 0 h 151"/>
                    <a:gd name="T8" fmla="*/ 1 w 134"/>
                    <a:gd name="T9" fmla="*/ 0 h 151"/>
                    <a:gd name="T10" fmla="*/ 1 w 134"/>
                    <a:gd name="T11" fmla="*/ 0 h 151"/>
                    <a:gd name="T12" fmla="*/ 1 w 134"/>
                    <a:gd name="T13" fmla="*/ 0 h 151"/>
                    <a:gd name="T14" fmla="*/ 1 w 134"/>
                    <a:gd name="T15" fmla="*/ 0 h 151"/>
                    <a:gd name="T16" fmla="*/ 1 w 134"/>
                    <a:gd name="T17" fmla="*/ 0 h 151"/>
                    <a:gd name="T18" fmla="*/ 1 w 134"/>
                    <a:gd name="T19" fmla="*/ 0 h 151"/>
                    <a:gd name="T20" fmla="*/ 1 w 134"/>
                    <a:gd name="T21" fmla="*/ 0 h 151"/>
                    <a:gd name="T22" fmla="*/ 0 w 134"/>
                    <a:gd name="T23" fmla="*/ 0 h 151"/>
                    <a:gd name="T24" fmla="*/ 0 w 134"/>
                    <a:gd name="T25" fmla="*/ 0 h 151"/>
                    <a:gd name="T26" fmla="*/ 1 w 134"/>
                    <a:gd name="T27" fmla="*/ 0 h 151"/>
                    <a:gd name="T28" fmla="*/ 1 w 134"/>
                    <a:gd name="T29" fmla="*/ 0 h 151"/>
                    <a:gd name="T30" fmla="*/ 1 w 134"/>
                    <a:gd name="T31" fmla="*/ 0 h 151"/>
                    <a:gd name="T32" fmla="*/ 1 w 134"/>
                    <a:gd name="T33" fmla="*/ 0 h 151"/>
                    <a:gd name="T34" fmla="*/ 1 w 134"/>
                    <a:gd name="T35" fmla="*/ 0 h 151"/>
                    <a:gd name="T36" fmla="*/ 1 w 134"/>
                    <a:gd name="T37" fmla="*/ 0 h 151"/>
                    <a:gd name="T38" fmla="*/ 1 w 134"/>
                    <a:gd name="T39" fmla="*/ 0 h 151"/>
                    <a:gd name="T40" fmla="*/ 1 w 134"/>
                    <a:gd name="T41" fmla="*/ 0 h 151"/>
                    <a:gd name="T42" fmla="*/ 1 w 134"/>
                    <a:gd name="T43" fmla="*/ 0 h 151"/>
                    <a:gd name="T44" fmla="*/ 1 w 134"/>
                    <a:gd name="T45" fmla="*/ 0 h 151"/>
                    <a:gd name="T46" fmla="*/ 1 w 134"/>
                    <a:gd name="T47" fmla="*/ 0 h 151"/>
                    <a:gd name="T48" fmla="*/ 1 w 134"/>
                    <a:gd name="T49" fmla="*/ 0 h 151"/>
                    <a:gd name="T50" fmla="*/ 1 w 134"/>
                    <a:gd name="T51" fmla="*/ 0 h 151"/>
                    <a:gd name="T52" fmla="*/ 1 w 134"/>
                    <a:gd name="T53" fmla="*/ 0 h 151"/>
                    <a:gd name="T54" fmla="*/ 1 w 134"/>
                    <a:gd name="T55" fmla="*/ 0 h 151"/>
                    <a:gd name="T56" fmla="*/ 1 w 134"/>
                    <a:gd name="T57" fmla="*/ 0 h 151"/>
                    <a:gd name="T58" fmla="*/ 1 w 134"/>
                    <a:gd name="T59" fmla="*/ 0 h 151"/>
                    <a:gd name="T60" fmla="*/ 1 w 134"/>
                    <a:gd name="T61" fmla="*/ 0 h 151"/>
                    <a:gd name="T62" fmla="*/ 1 w 134"/>
                    <a:gd name="T63" fmla="*/ 0 h 151"/>
                    <a:gd name="T64" fmla="*/ 1 w 134"/>
                    <a:gd name="T65" fmla="*/ 0 h 151"/>
                    <a:gd name="T66" fmla="*/ 1 w 134"/>
                    <a:gd name="T67" fmla="*/ 0 h 151"/>
                    <a:gd name="T68" fmla="*/ 1 w 134"/>
                    <a:gd name="T69" fmla="*/ 0 h 151"/>
                    <a:gd name="T70" fmla="*/ 1 w 134"/>
                    <a:gd name="T71" fmla="*/ 0 h 151"/>
                    <a:gd name="T72" fmla="*/ 1 w 134"/>
                    <a:gd name="T73" fmla="*/ 0 h 151"/>
                    <a:gd name="T74" fmla="*/ 1 w 134"/>
                    <a:gd name="T75" fmla="*/ 0 h 151"/>
                    <a:gd name="T76" fmla="*/ 1 w 134"/>
                    <a:gd name="T77" fmla="*/ 0 h 151"/>
                    <a:gd name="T78" fmla="*/ 1 w 134"/>
                    <a:gd name="T79" fmla="*/ 0 h 151"/>
                    <a:gd name="T80" fmla="*/ 1 w 134"/>
                    <a:gd name="T81" fmla="*/ 0 h 151"/>
                    <a:gd name="T82" fmla="*/ 1 w 134"/>
                    <a:gd name="T83" fmla="*/ 0 h 151"/>
                    <a:gd name="T84" fmla="*/ 1 w 134"/>
                    <a:gd name="T85" fmla="*/ 0 h 151"/>
                    <a:gd name="T86" fmla="*/ 1 w 134"/>
                    <a:gd name="T87" fmla="*/ 0 h 151"/>
                    <a:gd name="T88" fmla="*/ 1 w 134"/>
                    <a:gd name="T89" fmla="*/ 0 h 151"/>
                    <a:gd name="T90" fmla="*/ 1 w 134"/>
                    <a:gd name="T91" fmla="*/ 0 h 151"/>
                    <a:gd name="T92" fmla="*/ 1 w 134"/>
                    <a:gd name="T93" fmla="*/ 0 h 151"/>
                    <a:gd name="T94" fmla="*/ 1 w 134"/>
                    <a:gd name="T95" fmla="*/ 0 h 151"/>
                    <a:gd name="T96" fmla="*/ 1 w 134"/>
                    <a:gd name="T97" fmla="*/ 0 h 151"/>
                    <a:gd name="T98" fmla="*/ 1 w 134"/>
                    <a:gd name="T99" fmla="*/ 0 h 151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</a:gdLst>
                  <a:ahLst/>
                  <a:cxnLst>
                    <a:cxn ang="T100">
                      <a:pos x="T0" y="T1"/>
                    </a:cxn>
                    <a:cxn ang="T101">
                      <a:pos x="T2" y="T3"/>
                    </a:cxn>
                    <a:cxn ang="T102">
                      <a:pos x="T4" y="T5"/>
                    </a:cxn>
                    <a:cxn ang="T103">
                      <a:pos x="T6" y="T7"/>
                    </a:cxn>
                    <a:cxn ang="T104">
                      <a:pos x="T8" y="T9"/>
                    </a:cxn>
                    <a:cxn ang="T105">
                      <a:pos x="T10" y="T11"/>
                    </a:cxn>
                    <a:cxn ang="T106">
                      <a:pos x="T12" y="T13"/>
                    </a:cxn>
                    <a:cxn ang="T107">
                      <a:pos x="T14" y="T15"/>
                    </a:cxn>
                    <a:cxn ang="T108">
                      <a:pos x="T16" y="T17"/>
                    </a:cxn>
                    <a:cxn ang="T109">
                      <a:pos x="T18" y="T19"/>
                    </a:cxn>
                    <a:cxn ang="T110">
                      <a:pos x="T20" y="T21"/>
                    </a:cxn>
                    <a:cxn ang="T111">
                      <a:pos x="T22" y="T23"/>
                    </a:cxn>
                    <a:cxn ang="T112">
                      <a:pos x="T24" y="T25"/>
                    </a:cxn>
                    <a:cxn ang="T113">
                      <a:pos x="T26" y="T27"/>
                    </a:cxn>
                    <a:cxn ang="T114">
                      <a:pos x="T28" y="T29"/>
                    </a:cxn>
                    <a:cxn ang="T115">
                      <a:pos x="T30" y="T31"/>
                    </a:cxn>
                    <a:cxn ang="T116">
                      <a:pos x="T32" y="T33"/>
                    </a:cxn>
                    <a:cxn ang="T117">
                      <a:pos x="T34" y="T35"/>
                    </a:cxn>
                    <a:cxn ang="T118">
                      <a:pos x="T36" y="T37"/>
                    </a:cxn>
                    <a:cxn ang="T119">
                      <a:pos x="T38" y="T39"/>
                    </a:cxn>
                    <a:cxn ang="T120">
                      <a:pos x="T40" y="T41"/>
                    </a:cxn>
                    <a:cxn ang="T121">
                      <a:pos x="T42" y="T43"/>
                    </a:cxn>
                    <a:cxn ang="T122">
                      <a:pos x="T44" y="T45"/>
                    </a:cxn>
                    <a:cxn ang="T123">
                      <a:pos x="T46" y="T47"/>
                    </a:cxn>
                    <a:cxn ang="T124">
                      <a:pos x="T48" y="T49"/>
                    </a:cxn>
                    <a:cxn ang="T125">
                      <a:pos x="T50" y="T51"/>
                    </a:cxn>
                    <a:cxn ang="T126">
                      <a:pos x="T52" y="T53"/>
                    </a:cxn>
                    <a:cxn ang="T127">
                      <a:pos x="T54" y="T55"/>
                    </a:cxn>
                    <a:cxn ang="T128">
                      <a:pos x="T56" y="T57"/>
                    </a:cxn>
                    <a:cxn ang="T129">
                      <a:pos x="T58" y="T59"/>
                    </a:cxn>
                    <a:cxn ang="T130">
                      <a:pos x="T60" y="T61"/>
                    </a:cxn>
                    <a:cxn ang="T131">
                      <a:pos x="T62" y="T63"/>
                    </a:cxn>
                    <a:cxn ang="T132">
                      <a:pos x="T64" y="T65"/>
                    </a:cxn>
                    <a:cxn ang="T133">
                      <a:pos x="T66" y="T67"/>
                    </a:cxn>
                    <a:cxn ang="T134">
                      <a:pos x="T68" y="T69"/>
                    </a:cxn>
                    <a:cxn ang="T135">
                      <a:pos x="T70" y="T71"/>
                    </a:cxn>
                    <a:cxn ang="T136">
                      <a:pos x="T72" y="T73"/>
                    </a:cxn>
                    <a:cxn ang="T137">
                      <a:pos x="T74" y="T75"/>
                    </a:cxn>
                    <a:cxn ang="T138">
                      <a:pos x="T76" y="T77"/>
                    </a:cxn>
                    <a:cxn ang="T139">
                      <a:pos x="T78" y="T79"/>
                    </a:cxn>
                    <a:cxn ang="T140">
                      <a:pos x="T80" y="T81"/>
                    </a:cxn>
                    <a:cxn ang="T141">
                      <a:pos x="T82" y="T83"/>
                    </a:cxn>
                    <a:cxn ang="T142">
                      <a:pos x="T84" y="T85"/>
                    </a:cxn>
                    <a:cxn ang="T143">
                      <a:pos x="T86" y="T87"/>
                    </a:cxn>
                    <a:cxn ang="T144">
                      <a:pos x="T88" y="T89"/>
                    </a:cxn>
                    <a:cxn ang="T145">
                      <a:pos x="T90" y="T91"/>
                    </a:cxn>
                    <a:cxn ang="T146">
                      <a:pos x="T92" y="T93"/>
                    </a:cxn>
                    <a:cxn ang="T147">
                      <a:pos x="T94" y="T95"/>
                    </a:cxn>
                    <a:cxn ang="T148">
                      <a:pos x="T96" y="T97"/>
                    </a:cxn>
                    <a:cxn ang="T149">
                      <a:pos x="T98" y="T99"/>
                    </a:cxn>
                  </a:cxnLst>
                  <a:rect l="0" t="0" r="r" b="b"/>
                  <a:pathLst>
                    <a:path w="134" h="151">
                      <a:moveTo>
                        <a:pt x="94" y="102"/>
                      </a:moveTo>
                      <a:lnTo>
                        <a:pt x="132" y="108"/>
                      </a:lnTo>
                      <a:lnTo>
                        <a:pt x="129" y="111"/>
                      </a:lnTo>
                      <a:lnTo>
                        <a:pt x="128" y="114"/>
                      </a:lnTo>
                      <a:lnTo>
                        <a:pt x="127" y="117"/>
                      </a:lnTo>
                      <a:lnTo>
                        <a:pt x="125" y="121"/>
                      </a:lnTo>
                      <a:lnTo>
                        <a:pt x="124" y="123"/>
                      </a:lnTo>
                      <a:lnTo>
                        <a:pt x="122" y="126"/>
                      </a:lnTo>
                      <a:lnTo>
                        <a:pt x="119" y="128"/>
                      </a:lnTo>
                      <a:lnTo>
                        <a:pt x="117" y="131"/>
                      </a:lnTo>
                      <a:lnTo>
                        <a:pt x="115" y="133"/>
                      </a:lnTo>
                      <a:lnTo>
                        <a:pt x="113" y="135"/>
                      </a:lnTo>
                      <a:lnTo>
                        <a:pt x="110" y="137"/>
                      </a:lnTo>
                      <a:lnTo>
                        <a:pt x="108" y="140"/>
                      </a:lnTo>
                      <a:lnTo>
                        <a:pt x="105" y="141"/>
                      </a:lnTo>
                      <a:lnTo>
                        <a:pt x="103" y="143"/>
                      </a:lnTo>
                      <a:lnTo>
                        <a:pt x="99" y="144"/>
                      </a:lnTo>
                      <a:lnTo>
                        <a:pt x="96" y="145"/>
                      </a:lnTo>
                      <a:lnTo>
                        <a:pt x="94" y="146"/>
                      </a:lnTo>
                      <a:lnTo>
                        <a:pt x="90" y="147"/>
                      </a:lnTo>
                      <a:lnTo>
                        <a:pt x="87" y="149"/>
                      </a:lnTo>
                      <a:lnTo>
                        <a:pt x="84" y="149"/>
                      </a:lnTo>
                      <a:lnTo>
                        <a:pt x="80" y="150"/>
                      </a:lnTo>
                      <a:lnTo>
                        <a:pt x="76" y="150"/>
                      </a:lnTo>
                      <a:lnTo>
                        <a:pt x="73" y="150"/>
                      </a:lnTo>
                      <a:lnTo>
                        <a:pt x="69" y="151"/>
                      </a:lnTo>
                      <a:lnTo>
                        <a:pt x="62" y="150"/>
                      </a:lnTo>
                      <a:lnTo>
                        <a:pt x="57" y="150"/>
                      </a:lnTo>
                      <a:lnTo>
                        <a:pt x="51" y="149"/>
                      </a:lnTo>
                      <a:lnTo>
                        <a:pt x="46" y="147"/>
                      </a:lnTo>
                      <a:lnTo>
                        <a:pt x="41" y="146"/>
                      </a:lnTo>
                      <a:lnTo>
                        <a:pt x="37" y="144"/>
                      </a:lnTo>
                      <a:lnTo>
                        <a:pt x="32" y="142"/>
                      </a:lnTo>
                      <a:lnTo>
                        <a:pt x="28" y="140"/>
                      </a:lnTo>
                      <a:lnTo>
                        <a:pt x="24" y="136"/>
                      </a:lnTo>
                      <a:lnTo>
                        <a:pt x="20" y="133"/>
                      </a:lnTo>
                      <a:lnTo>
                        <a:pt x="17" y="130"/>
                      </a:lnTo>
                      <a:lnTo>
                        <a:pt x="14" y="126"/>
                      </a:lnTo>
                      <a:lnTo>
                        <a:pt x="11" y="122"/>
                      </a:lnTo>
                      <a:lnTo>
                        <a:pt x="10" y="118"/>
                      </a:lnTo>
                      <a:lnTo>
                        <a:pt x="8" y="115"/>
                      </a:lnTo>
                      <a:lnTo>
                        <a:pt x="5" y="112"/>
                      </a:lnTo>
                      <a:lnTo>
                        <a:pt x="4" y="107"/>
                      </a:lnTo>
                      <a:lnTo>
                        <a:pt x="3" y="103"/>
                      </a:lnTo>
                      <a:lnTo>
                        <a:pt x="2" y="99"/>
                      </a:lnTo>
                      <a:lnTo>
                        <a:pt x="1" y="95"/>
                      </a:lnTo>
                      <a:lnTo>
                        <a:pt x="0" y="90"/>
                      </a:lnTo>
                      <a:lnTo>
                        <a:pt x="0" y="86"/>
                      </a:lnTo>
                      <a:lnTo>
                        <a:pt x="0" y="81"/>
                      </a:lnTo>
                      <a:lnTo>
                        <a:pt x="0" y="77"/>
                      </a:lnTo>
                      <a:lnTo>
                        <a:pt x="0" y="70"/>
                      </a:lnTo>
                      <a:lnTo>
                        <a:pt x="0" y="65"/>
                      </a:lnTo>
                      <a:lnTo>
                        <a:pt x="1" y="59"/>
                      </a:lnTo>
                      <a:lnTo>
                        <a:pt x="1" y="55"/>
                      </a:lnTo>
                      <a:lnTo>
                        <a:pt x="2" y="49"/>
                      </a:lnTo>
                      <a:lnTo>
                        <a:pt x="4" y="45"/>
                      </a:lnTo>
                      <a:lnTo>
                        <a:pt x="5" y="40"/>
                      </a:lnTo>
                      <a:lnTo>
                        <a:pt x="8" y="36"/>
                      </a:lnTo>
                      <a:lnTo>
                        <a:pt x="10" y="31"/>
                      </a:lnTo>
                      <a:lnTo>
                        <a:pt x="12" y="28"/>
                      </a:lnTo>
                      <a:lnTo>
                        <a:pt x="16" y="24"/>
                      </a:lnTo>
                      <a:lnTo>
                        <a:pt x="19" y="21"/>
                      </a:lnTo>
                      <a:lnTo>
                        <a:pt x="21" y="17"/>
                      </a:lnTo>
                      <a:lnTo>
                        <a:pt x="24" y="14"/>
                      </a:lnTo>
                      <a:lnTo>
                        <a:pt x="28" y="11"/>
                      </a:lnTo>
                      <a:lnTo>
                        <a:pt x="31" y="9"/>
                      </a:lnTo>
                      <a:lnTo>
                        <a:pt x="36" y="6"/>
                      </a:lnTo>
                      <a:lnTo>
                        <a:pt x="39" y="4"/>
                      </a:lnTo>
                      <a:lnTo>
                        <a:pt x="43" y="3"/>
                      </a:lnTo>
                      <a:lnTo>
                        <a:pt x="47" y="2"/>
                      </a:lnTo>
                      <a:lnTo>
                        <a:pt x="51" y="1"/>
                      </a:lnTo>
                      <a:lnTo>
                        <a:pt x="56" y="0"/>
                      </a:lnTo>
                      <a:lnTo>
                        <a:pt x="60" y="0"/>
                      </a:lnTo>
                      <a:lnTo>
                        <a:pt x="66" y="0"/>
                      </a:lnTo>
                      <a:lnTo>
                        <a:pt x="70" y="0"/>
                      </a:lnTo>
                      <a:lnTo>
                        <a:pt x="76" y="0"/>
                      </a:lnTo>
                      <a:lnTo>
                        <a:pt x="80" y="1"/>
                      </a:lnTo>
                      <a:lnTo>
                        <a:pt x="85" y="2"/>
                      </a:lnTo>
                      <a:lnTo>
                        <a:pt x="89" y="3"/>
                      </a:lnTo>
                      <a:lnTo>
                        <a:pt x="94" y="4"/>
                      </a:lnTo>
                      <a:lnTo>
                        <a:pt x="97" y="6"/>
                      </a:lnTo>
                      <a:lnTo>
                        <a:pt x="102" y="9"/>
                      </a:lnTo>
                      <a:lnTo>
                        <a:pt x="105" y="11"/>
                      </a:lnTo>
                      <a:lnTo>
                        <a:pt x="109" y="14"/>
                      </a:lnTo>
                      <a:lnTo>
                        <a:pt x="113" y="17"/>
                      </a:lnTo>
                      <a:lnTo>
                        <a:pt x="116" y="21"/>
                      </a:lnTo>
                      <a:lnTo>
                        <a:pt x="118" y="24"/>
                      </a:lnTo>
                      <a:lnTo>
                        <a:pt x="121" y="28"/>
                      </a:lnTo>
                      <a:lnTo>
                        <a:pt x="124" y="32"/>
                      </a:lnTo>
                      <a:lnTo>
                        <a:pt x="125" y="37"/>
                      </a:lnTo>
                      <a:lnTo>
                        <a:pt x="127" y="42"/>
                      </a:lnTo>
                      <a:lnTo>
                        <a:pt x="129" y="48"/>
                      </a:lnTo>
                      <a:lnTo>
                        <a:pt x="131" y="52"/>
                      </a:lnTo>
                      <a:lnTo>
                        <a:pt x="132" y="59"/>
                      </a:lnTo>
                      <a:lnTo>
                        <a:pt x="133" y="65"/>
                      </a:lnTo>
                      <a:lnTo>
                        <a:pt x="133" y="71"/>
                      </a:lnTo>
                      <a:lnTo>
                        <a:pt x="133" y="78"/>
                      </a:lnTo>
                      <a:lnTo>
                        <a:pt x="134" y="86"/>
                      </a:lnTo>
                      <a:lnTo>
                        <a:pt x="39" y="86"/>
                      </a:lnTo>
                      <a:lnTo>
                        <a:pt x="39" y="88"/>
                      </a:lnTo>
                      <a:lnTo>
                        <a:pt x="39" y="91"/>
                      </a:lnTo>
                      <a:lnTo>
                        <a:pt x="39" y="94"/>
                      </a:lnTo>
                      <a:lnTo>
                        <a:pt x="39" y="96"/>
                      </a:lnTo>
                      <a:lnTo>
                        <a:pt x="40" y="98"/>
                      </a:lnTo>
                      <a:lnTo>
                        <a:pt x="41" y="102"/>
                      </a:lnTo>
                      <a:lnTo>
                        <a:pt x="41" y="103"/>
                      </a:lnTo>
                      <a:lnTo>
                        <a:pt x="42" y="105"/>
                      </a:lnTo>
                      <a:lnTo>
                        <a:pt x="43" y="107"/>
                      </a:lnTo>
                      <a:lnTo>
                        <a:pt x="45" y="109"/>
                      </a:lnTo>
                      <a:lnTo>
                        <a:pt x="46" y="111"/>
                      </a:lnTo>
                      <a:lnTo>
                        <a:pt x="48" y="113"/>
                      </a:lnTo>
                      <a:lnTo>
                        <a:pt x="49" y="114"/>
                      </a:lnTo>
                      <a:lnTo>
                        <a:pt x="50" y="115"/>
                      </a:lnTo>
                      <a:lnTo>
                        <a:pt x="52" y="116"/>
                      </a:lnTo>
                      <a:lnTo>
                        <a:pt x="54" y="117"/>
                      </a:lnTo>
                      <a:lnTo>
                        <a:pt x="56" y="118"/>
                      </a:lnTo>
                      <a:lnTo>
                        <a:pt x="57" y="119"/>
                      </a:lnTo>
                      <a:lnTo>
                        <a:pt x="59" y="119"/>
                      </a:lnTo>
                      <a:lnTo>
                        <a:pt x="61" y="121"/>
                      </a:lnTo>
                      <a:lnTo>
                        <a:pt x="62" y="121"/>
                      </a:lnTo>
                      <a:lnTo>
                        <a:pt x="65" y="121"/>
                      </a:lnTo>
                      <a:lnTo>
                        <a:pt x="67" y="121"/>
                      </a:lnTo>
                      <a:lnTo>
                        <a:pt x="69" y="122"/>
                      </a:lnTo>
                      <a:lnTo>
                        <a:pt x="70" y="121"/>
                      </a:lnTo>
                      <a:lnTo>
                        <a:pt x="71" y="121"/>
                      </a:lnTo>
                      <a:lnTo>
                        <a:pt x="74" y="121"/>
                      </a:lnTo>
                      <a:lnTo>
                        <a:pt x="75" y="121"/>
                      </a:lnTo>
                      <a:lnTo>
                        <a:pt x="76" y="121"/>
                      </a:lnTo>
                      <a:lnTo>
                        <a:pt x="78" y="119"/>
                      </a:lnTo>
                      <a:lnTo>
                        <a:pt x="79" y="119"/>
                      </a:lnTo>
                      <a:lnTo>
                        <a:pt x="80" y="119"/>
                      </a:lnTo>
                      <a:lnTo>
                        <a:pt x="81" y="118"/>
                      </a:lnTo>
                      <a:lnTo>
                        <a:pt x="83" y="118"/>
                      </a:lnTo>
                      <a:lnTo>
                        <a:pt x="84" y="117"/>
                      </a:lnTo>
                      <a:lnTo>
                        <a:pt x="85" y="117"/>
                      </a:lnTo>
                      <a:lnTo>
                        <a:pt x="85" y="116"/>
                      </a:lnTo>
                      <a:lnTo>
                        <a:pt x="86" y="115"/>
                      </a:lnTo>
                      <a:lnTo>
                        <a:pt x="87" y="114"/>
                      </a:lnTo>
                      <a:lnTo>
                        <a:pt x="88" y="113"/>
                      </a:lnTo>
                      <a:lnTo>
                        <a:pt x="88" y="112"/>
                      </a:lnTo>
                      <a:lnTo>
                        <a:pt x="89" y="111"/>
                      </a:lnTo>
                      <a:lnTo>
                        <a:pt x="90" y="109"/>
                      </a:lnTo>
                      <a:lnTo>
                        <a:pt x="90" y="107"/>
                      </a:lnTo>
                      <a:lnTo>
                        <a:pt x="92" y="106"/>
                      </a:lnTo>
                      <a:lnTo>
                        <a:pt x="92" y="105"/>
                      </a:lnTo>
                      <a:lnTo>
                        <a:pt x="93" y="103"/>
                      </a:lnTo>
                      <a:lnTo>
                        <a:pt x="94" y="102"/>
                      </a:lnTo>
                      <a:close/>
                      <a:moveTo>
                        <a:pt x="96" y="62"/>
                      </a:moveTo>
                      <a:lnTo>
                        <a:pt x="95" y="59"/>
                      </a:lnTo>
                      <a:lnTo>
                        <a:pt x="95" y="57"/>
                      </a:lnTo>
                      <a:lnTo>
                        <a:pt x="95" y="55"/>
                      </a:lnTo>
                      <a:lnTo>
                        <a:pt x="95" y="52"/>
                      </a:lnTo>
                      <a:lnTo>
                        <a:pt x="94" y="50"/>
                      </a:lnTo>
                      <a:lnTo>
                        <a:pt x="94" y="48"/>
                      </a:lnTo>
                      <a:lnTo>
                        <a:pt x="93" y="46"/>
                      </a:lnTo>
                      <a:lnTo>
                        <a:pt x="92" y="43"/>
                      </a:lnTo>
                      <a:lnTo>
                        <a:pt x="92" y="42"/>
                      </a:lnTo>
                      <a:lnTo>
                        <a:pt x="90" y="40"/>
                      </a:lnTo>
                      <a:lnTo>
                        <a:pt x="89" y="39"/>
                      </a:lnTo>
                      <a:lnTo>
                        <a:pt x="88" y="38"/>
                      </a:lnTo>
                      <a:lnTo>
                        <a:pt x="86" y="36"/>
                      </a:lnTo>
                      <a:lnTo>
                        <a:pt x="85" y="34"/>
                      </a:lnTo>
                      <a:lnTo>
                        <a:pt x="83" y="33"/>
                      </a:lnTo>
                      <a:lnTo>
                        <a:pt x="81" y="32"/>
                      </a:lnTo>
                      <a:lnTo>
                        <a:pt x="79" y="31"/>
                      </a:lnTo>
                      <a:lnTo>
                        <a:pt x="78" y="30"/>
                      </a:lnTo>
                      <a:lnTo>
                        <a:pt x="76" y="30"/>
                      </a:lnTo>
                      <a:lnTo>
                        <a:pt x="75" y="29"/>
                      </a:lnTo>
                      <a:lnTo>
                        <a:pt x="73" y="29"/>
                      </a:lnTo>
                      <a:lnTo>
                        <a:pt x="71" y="29"/>
                      </a:lnTo>
                      <a:lnTo>
                        <a:pt x="69" y="29"/>
                      </a:lnTo>
                      <a:lnTo>
                        <a:pt x="68" y="29"/>
                      </a:lnTo>
                      <a:lnTo>
                        <a:pt x="66" y="29"/>
                      </a:lnTo>
                      <a:lnTo>
                        <a:pt x="64" y="29"/>
                      </a:lnTo>
                      <a:lnTo>
                        <a:pt x="61" y="29"/>
                      </a:lnTo>
                      <a:lnTo>
                        <a:pt x="60" y="29"/>
                      </a:lnTo>
                      <a:lnTo>
                        <a:pt x="58" y="30"/>
                      </a:lnTo>
                      <a:lnTo>
                        <a:pt x="56" y="31"/>
                      </a:lnTo>
                      <a:lnTo>
                        <a:pt x="55" y="31"/>
                      </a:lnTo>
                      <a:lnTo>
                        <a:pt x="54" y="32"/>
                      </a:lnTo>
                      <a:lnTo>
                        <a:pt x="51" y="33"/>
                      </a:lnTo>
                      <a:lnTo>
                        <a:pt x="50" y="34"/>
                      </a:lnTo>
                      <a:lnTo>
                        <a:pt x="49" y="36"/>
                      </a:lnTo>
                      <a:lnTo>
                        <a:pt x="48" y="38"/>
                      </a:lnTo>
                      <a:lnTo>
                        <a:pt x="46" y="39"/>
                      </a:lnTo>
                      <a:lnTo>
                        <a:pt x="45" y="41"/>
                      </a:lnTo>
                      <a:lnTo>
                        <a:pt x="43" y="42"/>
                      </a:lnTo>
                      <a:lnTo>
                        <a:pt x="42" y="45"/>
                      </a:lnTo>
                      <a:lnTo>
                        <a:pt x="41" y="47"/>
                      </a:lnTo>
                      <a:lnTo>
                        <a:pt x="40" y="49"/>
                      </a:lnTo>
                      <a:lnTo>
                        <a:pt x="40" y="50"/>
                      </a:lnTo>
                      <a:lnTo>
                        <a:pt x="39" y="52"/>
                      </a:lnTo>
                      <a:lnTo>
                        <a:pt x="39" y="55"/>
                      </a:lnTo>
                      <a:lnTo>
                        <a:pt x="39" y="57"/>
                      </a:lnTo>
                      <a:lnTo>
                        <a:pt x="39" y="59"/>
                      </a:lnTo>
                      <a:lnTo>
                        <a:pt x="39" y="62"/>
                      </a:lnTo>
                      <a:lnTo>
                        <a:pt x="96" y="6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2" name="Freeform 19">
                  <a:extLst>
                    <a:ext uri="{FF2B5EF4-FFF2-40B4-BE49-F238E27FC236}">
                      <a16:creationId xmlns:a16="http://schemas.microsoft.com/office/drawing/2014/main" id="{E31767C1-4D17-450E-A666-6EB03D506C4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237" y="3730"/>
                  <a:ext cx="46" cy="74"/>
                </a:xfrm>
                <a:custGeom>
                  <a:avLst/>
                  <a:gdLst>
                    <a:gd name="T0" fmla="*/ 0 w 93"/>
                    <a:gd name="T1" fmla="*/ 1 h 147"/>
                    <a:gd name="T2" fmla="*/ 0 w 93"/>
                    <a:gd name="T3" fmla="*/ 1 h 147"/>
                    <a:gd name="T4" fmla="*/ 0 w 93"/>
                    <a:gd name="T5" fmla="*/ 1 h 147"/>
                    <a:gd name="T6" fmla="*/ 0 w 93"/>
                    <a:gd name="T7" fmla="*/ 1 h 147"/>
                    <a:gd name="T8" fmla="*/ 0 w 93"/>
                    <a:gd name="T9" fmla="*/ 1 h 147"/>
                    <a:gd name="T10" fmla="*/ 0 w 93"/>
                    <a:gd name="T11" fmla="*/ 1 h 147"/>
                    <a:gd name="T12" fmla="*/ 0 w 93"/>
                    <a:gd name="T13" fmla="*/ 1 h 147"/>
                    <a:gd name="T14" fmla="*/ 0 w 93"/>
                    <a:gd name="T15" fmla="*/ 1 h 147"/>
                    <a:gd name="T16" fmla="*/ 0 w 93"/>
                    <a:gd name="T17" fmla="*/ 1 h 147"/>
                    <a:gd name="T18" fmla="*/ 0 w 93"/>
                    <a:gd name="T19" fmla="*/ 1 h 147"/>
                    <a:gd name="T20" fmla="*/ 0 w 93"/>
                    <a:gd name="T21" fmla="*/ 1 h 147"/>
                    <a:gd name="T22" fmla="*/ 0 w 93"/>
                    <a:gd name="T23" fmla="*/ 0 h 147"/>
                    <a:gd name="T24" fmla="*/ 0 w 93"/>
                    <a:gd name="T25" fmla="*/ 0 h 147"/>
                    <a:gd name="T26" fmla="*/ 0 w 93"/>
                    <a:gd name="T27" fmla="*/ 0 h 147"/>
                    <a:gd name="T28" fmla="*/ 0 w 93"/>
                    <a:gd name="T29" fmla="*/ 0 h 147"/>
                    <a:gd name="T30" fmla="*/ 0 w 93"/>
                    <a:gd name="T31" fmla="*/ 0 h 147"/>
                    <a:gd name="T32" fmla="*/ 0 w 93"/>
                    <a:gd name="T33" fmla="*/ 1 h 147"/>
                    <a:gd name="T34" fmla="*/ 0 w 93"/>
                    <a:gd name="T35" fmla="*/ 1 h 147"/>
                    <a:gd name="T36" fmla="*/ 0 w 93"/>
                    <a:gd name="T37" fmla="*/ 1 h 147"/>
                    <a:gd name="T38" fmla="*/ 0 w 93"/>
                    <a:gd name="T39" fmla="*/ 1 h 147"/>
                    <a:gd name="T40" fmla="*/ 0 w 93"/>
                    <a:gd name="T41" fmla="*/ 1 h 147"/>
                    <a:gd name="T42" fmla="*/ 0 w 93"/>
                    <a:gd name="T43" fmla="*/ 1 h 147"/>
                    <a:gd name="T44" fmla="*/ 0 w 93"/>
                    <a:gd name="T45" fmla="*/ 1 h 147"/>
                    <a:gd name="T46" fmla="*/ 0 w 93"/>
                    <a:gd name="T47" fmla="*/ 1 h 147"/>
                    <a:gd name="T48" fmla="*/ 0 w 93"/>
                    <a:gd name="T49" fmla="*/ 1 h 147"/>
                    <a:gd name="T50" fmla="*/ 0 w 93"/>
                    <a:gd name="T51" fmla="*/ 1 h 147"/>
                    <a:gd name="T52" fmla="*/ 0 w 93"/>
                    <a:gd name="T53" fmla="*/ 1 h 147"/>
                    <a:gd name="T54" fmla="*/ 0 w 93"/>
                    <a:gd name="T55" fmla="*/ 1 h 147"/>
                    <a:gd name="T56" fmla="*/ 0 w 93"/>
                    <a:gd name="T57" fmla="*/ 1 h 147"/>
                    <a:gd name="T58" fmla="*/ 0 w 93"/>
                    <a:gd name="T59" fmla="*/ 1 h 147"/>
                    <a:gd name="T60" fmla="*/ 0 w 93"/>
                    <a:gd name="T61" fmla="*/ 1 h 147"/>
                    <a:gd name="T62" fmla="*/ 0 w 93"/>
                    <a:gd name="T63" fmla="*/ 1 h 147"/>
                    <a:gd name="T64" fmla="*/ 0 w 93"/>
                    <a:gd name="T65" fmla="*/ 1 h 147"/>
                    <a:gd name="T66" fmla="*/ 0 w 93"/>
                    <a:gd name="T67" fmla="*/ 1 h 147"/>
                    <a:gd name="T68" fmla="*/ 0 w 93"/>
                    <a:gd name="T69" fmla="*/ 1 h 147"/>
                    <a:gd name="T70" fmla="*/ 0 w 93"/>
                    <a:gd name="T71" fmla="*/ 1 h 147"/>
                    <a:gd name="T72" fmla="*/ 0 w 93"/>
                    <a:gd name="T73" fmla="*/ 1 h 147"/>
                    <a:gd name="T74" fmla="*/ 0 w 93"/>
                    <a:gd name="T75" fmla="*/ 1 h 147"/>
                    <a:gd name="T76" fmla="*/ 0 w 93"/>
                    <a:gd name="T77" fmla="*/ 1 h 147"/>
                    <a:gd name="T78" fmla="*/ 0 w 93"/>
                    <a:gd name="T79" fmla="*/ 1 h 147"/>
                    <a:gd name="T80" fmla="*/ 0 w 93"/>
                    <a:gd name="T81" fmla="*/ 1 h 147"/>
                    <a:gd name="T82" fmla="*/ 0 w 93"/>
                    <a:gd name="T83" fmla="*/ 1 h 147"/>
                    <a:gd name="T84" fmla="*/ 0 w 93"/>
                    <a:gd name="T85" fmla="*/ 1 h 147"/>
                    <a:gd name="T86" fmla="*/ 0 w 93"/>
                    <a:gd name="T87" fmla="*/ 1 h 147"/>
                    <a:gd name="T88" fmla="*/ 0 w 93"/>
                    <a:gd name="T89" fmla="*/ 1 h 147"/>
                    <a:gd name="T90" fmla="*/ 0 w 93"/>
                    <a:gd name="T91" fmla="*/ 1 h 147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</a:gdLst>
                  <a:ahLst/>
                  <a:cxnLst>
                    <a:cxn ang="T92">
                      <a:pos x="T0" y="T1"/>
                    </a:cxn>
                    <a:cxn ang="T93">
                      <a:pos x="T2" y="T3"/>
                    </a:cxn>
                    <a:cxn ang="T94">
                      <a:pos x="T4" y="T5"/>
                    </a:cxn>
                    <a:cxn ang="T95">
                      <a:pos x="T6" y="T7"/>
                    </a:cxn>
                    <a:cxn ang="T96">
                      <a:pos x="T8" y="T9"/>
                    </a:cxn>
                    <a:cxn ang="T97">
                      <a:pos x="T10" y="T11"/>
                    </a:cxn>
                    <a:cxn ang="T98">
                      <a:pos x="T12" y="T13"/>
                    </a:cxn>
                    <a:cxn ang="T99">
                      <a:pos x="T14" y="T15"/>
                    </a:cxn>
                    <a:cxn ang="T100">
                      <a:pos x="T16" y="T17"/>
                    </a:cxn>
                    <a:cxn ang="T101">
                      <a:pos x="T18" y="T19"/>
                    </a:cxn>
                    <a:cxn ang="T102">
                      <a:pos x="T20" y="T21"/>
                    </a:cxn>
                    <a:cxn ang="T103">
                      <a:pos x="T22" y="T23"/>
                    </a:cxn>
                    <a:cxn ang="T104">
                      <a:pos x="T24" y="T25"/>
                    </a:cxn>
                    <a:cxn ang="T105">
                      <a:pos x="T26" y="T27"/>
                    </a:cxn>
                    <a:cxn ang="T106">
                      <a:pos x="T28" y="T29"/>
                    </a:cxn>
                    <a:cxn ang="T107">
                      <a:pos x="T30" y="T31"/>
                    </a:cxn>
                    <a:cxn ang="T108">
                      <a:pos x="T32" y="T33"/>
                    </a:cxn>
                    <a:cxn ang="T109">
                      <a:pos x="T34" y="T35"/>
                    </a:cxn>
                    <a:cxn ang="T110">
                      <a:pos x="T36" y="T37"/>
                    </a:cxn>
                    <a:cxn ang="T111">
                      <a:pos x="T38" y="T39"/>
                    </a:cxn>
                    <a:cxn ang="T112">
                      <a:pos x="T40" y="T41"/>
                    </a:cxn>
                    <a:cxn ang="T113">
                      <a:pos x="T42" y="T43"/>
                    </a:cxn>
                    <a:cxn ang="T114">
                      <a:pos x="T44" y="T45"/>
                    </a:cxn>
                    <a:cxn ang="T115">
                      <a:pos x="T46" y="T47"/>
                    </a:cxn>
                    <a:cxn ang="T116">
                      <a:pos x="T48" y="T49"/>
                    </a:cxn>
                    <a:cxn ang="T117">
                      <a:pos x="T50" y="T51"/>
                    </a:cxn>
                    <a:cxn ang="T118">
                      <a:pos x="T52" y="T53"/>
                    </a:cxn>
                    <a:cxn ang="T119">
                      <a:pos x="T54" y="T55"/>
                    </a:cxn>
                    <a:cxn ang="T120">
                      <a:pos x="T56" y="T57"/>
                    </a:cxn>
                    <a:cxn ang="T121">
                      <a:pos x="T58" y="T59"/>
                    </a:cxn>
                    <a:cxn ang="T122">
                      <a:pos x="T60" y="T61"/>
                    </a:cxn>
                    <a:cxn ang="T123">
                      <a:pos x="T62" y="T63"/>
                    </a:cxn>
                    <a:cxn ang="T124">
                      <a:pos x="T64" y="T65"/>
                    </a:cxn>
                    <a:cxn ang="T125">
                      <a:pos x="T66" y="T67"/>
                    </a:cxn>
                    <a:cxn ang="T126">
                      <a:pos x="T68" y="T69"/>
                    </a:cxn>
                    <a:cxn ang="T127">
                      <a:pos x="T70" y="T71"/>
                    </a:cxn>
                    <a:cxn ang="T128">
                      <a:pos x="T72" y="T73"/>
                    </a:cxn>
                    <a:cxn ang="T129">
                      <a:pos x="T74" y="T75"/>
                    </a:cxn>
                    <a:cxn ang="T130">
                      <a:pos x="T76" y="T77"/>
                    </a:cxn>
                    <a:cxn ang="T131">
                      <a:pos x="T78" y="T79"/>
                    </a:cxn>
                    <a:cxn ang="T132">
                      <a:pos x="T80" y="T81"/>
                    </a:cxn>
                    <a:cxn ang="T133">
                      <a:pos x="T82" y="T83"/>
                    </a:cxn>
                    <a:cxn ang="T134">
                      <a:pos x="T84" y="T85"/>
                    </a:cxn>
                    <a:cxn ang="T135">
                      <a:pos x="T86" y="T87"/>
                    </a:cxn>
                    <a:cxn ang="T136">
                      <a:pos x="T88" y="T89"/>
                    </a:cxn>
                    <a:cxn ang="T137">
                      <a:pos x="T90" y="T91"/>
                    </a:cxn>
                  </a:cxnLst>
                  <a:rect l="0" t="0" r="r" b="b"/>
                  <a:pathLst>
                    <a:path w="93" h="147">
                      <a:moveTo>
                        <a:pt x="38" y="147"/>
                      </a:moveTo>
                      <a:lnTo>
                        <a:pt x="0" y="147"/>
                      </a:lnTo>
                      <a:lnTo>
                        <a:pt x="0" y="3"/>
                      </a:lnTo>
                      <a:lnTo>
                        <a:pt x="35" y="3"/>
                      </a:lnTo>
                      <a:lnTo>
                        <a:pt x="35" y="23"/>
                      </a:lnTo>
                      <a:lnTo>
                        <a:pt x="36" y="20"/>
                      </a:lnTo>
                      <a:lnTo>
                        <a:pt x="37" y="18"/>
                      </a:lnTo>
                      <a:lnTo>
                        <a:pt x="38" y="17"/>
                      </a:lnTo>
                      <a:lnTo>
                        <a:pt x="40" y="14"/>
                      </a:lnTo>
                      <a:lnTo>
                        <a:pt x="41" y="12"/>
                      </a:lnTo>
                      <a:lnTo>
                        <a:pt x="42" y="11"/>
                      </a:lnTo>
                      <a:lnTo>
                        <a:pt x="44" y="9"/>
                      </a:lnTo>
                      <a:lnTo>
                        <a:pt x="46" y="8"/>
                      </a:lnTo>
                      <a:lnTo>
                        <a:pt x="47" y="6"/>
                      </a:lnTo>
                      <a:lnTo>
                        <a:pt x="48" y="5"/>
                      </a:lnTo>
                      <a:lnTo>
                        <a:pt x="49" y="4"/>
                      </a:lnTo>
                      <a:lnTo>
                        <a:pt x="51" y="4"/>
                      </a:lnTo>
                      <a:lnTo>
                        <a:pt x="53" y="3"/>
                      </a:lnTo>
                      <a:lnTo>
                        <a:pt x="54" y="2"/>
                      </a:lnTo>
                      <a:lnTo>
                        <a:pt x="55" y="2"/>
                      </a:lnTo>
                      <a:lnTo>
                        <a:pt x="56" y="1"/>
                      </a:lnTo>
                      <a:lnTo>
                        <a:pt x="57" y="1"/>
                      </a:lnTo>
                      <a:lnTo>
                        <a:pt x="58" y="0"/>
                      </a:lnTo>
                      <a:lnTo>
                        <a:pt x="59" y="0"/>
                      </a:lnTo>
                      <a:lnTo>
                        <a:pt x="60" y="0"/>
                      </a:lnTo>
                      <a:lnTo>
                        <a:pt x="63" y="0"/>
                      </a:lnTo>
                      <a:lnTo>
                        <a:pt x="64" y="0"/>
                      </a:lnTo>
                      <a:lnTo>
                        <a:pt x="65" y="0"/>
                      </a:lnTo>
                      <a:lnTo>
                        <a:pt x="67" y="0"/>
                      </a:lnTo>
                      <a:lnTo>
                        <a:pt x="68" y="0"/>
                      </a:lnTo>
                      <a:lnTo>
                        <a:pt x="70" y="0"/>
                      </a:lnTo>
                      <a:lnTo>
                        <a:pt x="73" y="0"/>
                      </a:lnTo>
                      <a:lnTo>
                        <a:pt x="75" y="0"/>
                      </a:lnTo>
                      <a:lnTo>
                        <a:pt x="77" y="1"/>
                      </a:lnTo>
                      <a:lnTo>
                        <a:pt x="79" y="1"/>
                      </a:lnTo>
                      <a:lnTo>
                        <a:pt x="82" y="2"/>
                      </a:lnTo>
                      <a:lnTo>
                        <a:pt x="84" y="3"/>
                      </a:lnTo>
                      <a:lnTo>
                        <a:pt x="86" y="3"/>
                      </a:lnTo>
                      <a:lnTo>
                        <a:pt x="88" y="4"/>
                      </a:lnTo>
                      <a:lnTo>
                        <a:pt x="91" y="5"/>
                      </a:lnTo>
                      <a:lnTo>
                        <a:pt x="93" y="8"/>
                      </a:lnTo>
                      <a:lnTo>
                        <a:pt x="80" y="40"/>
                      </a:lnTo>
                      <a:lnTo>
                        <a:pt x="78" y="39"/>
                      </a:lnTo>
                      <a:lnTo>
                        <a:pt x="77" y="38"/>
                      </a:lnTo>
                      <a:lnTo>
                        <a:pt x="75" y="37"/>
                      </a:lnTo>
                      <a:lnTo>
                        <a:pt x="74" y="37"/>
                      </a:lnTo>
                      <a:lnTo>
                        <a:pt x="73" y="36"/>
                      </a:lnTo>
                      <a:lnTo>
                        <a:pt x="70" y="36"/>
                      </a:lnTo>
                      <a:lnTo>
                        <a:pt x="69" y="34"/>
                      </a:lnTo>
                      <a:lnTo>
                        <a:pt x="68" y="34"/>
                      </a:lnTo>
                      <a:lnTo>
                        <a:pt x="66" y="34"/>
                      </a:lnTo>
                      <a:lnTo>
                        <a:pt x="65" y="34"/>
                      </a:lnTo>
                      <a:lnTo>
                        <a:pt x="64" y="34"/>
                      </a:lnTo>
                      <a:lnTo>
                        <a:pt x="63" y="34"/>
                      </a:lnTo>
                      <a:lnTo>
                        <a:pt x="60" y="34"/>
                      </a:lnTo>
                      <a:lnTo>
                        <a:pt x="59" y="34"/>
                      </a:lnTo>
                      <a:lnTo>
                        <a:pt x="58" y="34"/>
                      </a:lnTo>
                      <a:lnTo>
                        <a:pt x="57" y="34"/>
                      </a:lnTo>
                      <a:lnTo>
                        <a:pt x="56" y="34"/>
                      </a:lnTo>
                      <a:lnTo>
                        <a:pt x="55" y="36"/>
                      </a:lnTo>
                      <a:lnTo>
                        <a:pt x="54" y="36"/>
                      </a:lnTo>
                      <a:lnTo>
                        <a:pt x="53" y="36"/>
                      </a:lnTo>
                      <a:lnTo>
                        <a:pt x="51" y="37"/>
                      </a:lnTo>
                      <a:lnTo>
                        <a:pt x="50" y="37"/>
                      </a:lnTo>
                      <a:lnTo>
                        <a:pt x="49" y="38"/>
                      </a:lnTo>
                      <a:lnTo>
                        <a:pt x="49" y="39"/>
                      </a:lnTo>
                      <a:lnTo>
                        <a:pt x="48" y="39"/>
                      </a:lnTo>
                      <a:lnTo>
                        <a:pt x="47" y="40"/>
                      </a:lnTo>
                      <a:lnTo>
                        <a:pt x="46" y="41"/>
                      </a:lnTo>
                      <a:lnTo>
                        <a:pt x="45" y="42"/>
                      </a:lnTo>
                      <a:lnTo>
                        <a:pt x="45" y="43"/>
                      </a:lnTo>
                      <a:lnTo>
                        <a:pt x="44" y="45"/>
                      </a:lnTo>
                      <a:lnTo>
                        <a:pt x="42" y="46"/>
                      </a:lnTo>
                      <a:lnTo>
                        <a:pt x="42" y="48"/>
                      </a:lnTo>
                      <a:lnTo>
                        <a:pt x="41" y="49"/>
                      </a:lnTo>
                      <a:lnTo>
                        <a:pt x="41" y="50"/>
                      </a:lnTo>
                      <a:lnTo>
                        <a:pt x="40" y="52"/>
                      </a:lnTo>
                      <a:lnTo>
                        <a:pt x="40" y="55"/>
                      </a:lnTo>
                      <a:lnTo>
                        <a:pt x="39" y="56"/>
                      </a:lnTo>
                      <a:lnTo>
                        <a:pt x="39" y="58"/>
                      </a:lnTo>
                      <a:lnTo>
                        <a:pt x="39" y="61"/>
                      </a:lnTo>
                      <a:lnTo>
                        <a:pt x="38" y="65"/>
                      </a:lnTo>
                      <a:lnTo>
                        <a:pt x="38" y="68"/>
                      </a:lnTo>
                      <a:lnTo>
                        <a:pt x="38" y="71"/>
                      </a:lnTo>
                      <a:lnTo>
                        <a:pt x="38" y="76"/>
                      </a:lnTo>
                      <a:lnTo>
                        <a:pt x="38" y="80"/>
                      </a:lnTo>
                      <a:lnTo>
                        <a:pt x="38" y="85"/>
                      </a:lnTo>
                      <a:lnTo>
                        <a:pt x="38" y="90"/>
                      </a:lnTo>
                      <a:lnTo>
                        <a:pt x="38" y="96"/>
                      </a:lnTo>
                      <a:lnTo>
                        <a:pt x="38" y="103"/>
                      </a:lnTo>
                      <a:lnTo>
                        <a:pt x="38" y="14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3" name="Freeform 20">
                  <a:extLst>
                    <a:ext uri="{FF2B5EF4-FFF2-40B4-BE49-F238E27FC236}">
                      <a16:creationId xmlns:a16="http://schemas.microsoft.com/office/drawing/2014/main" id="{09EB7D06-15A8-4319-A337-75AC4B25B2D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25" y="3702"/>
                  <a:ext cx="80" cy="103"/>
                </a:xfrm>
                <a:custGeom>
                  <a:avLst/>
                  <a:gdLst>
                    <a:gd name="T0" fmla="*/ 0 w 161"/>
                    <a:gd name="T1" fmla="*/ 1 h 206"/>
                    <a:gd name="T2" fmla="*/ 0 w 161"/>
                    <a:gd name="T3" fmla="*/ 1 h 206"/>
                    <a:gd name="T4" fmla="*/ 0 w 161"/>
                    <a:gd name="T5" fmla="*/ 1 h 206"/>
                    <a:gd name="T6" fmla="*/ 0 w 161"/>
                    <a:gd name="T7" fmla="*/ 1 h 206"/>
                    <a:gd name="T8" fmla="*/ 0 w 161"/>
                    <a:gd name="T9" fmla="*/ 1 h 206"/>
                    <a:gd name="T10" fmla="*/ 0 w 161"/>
                    <a:gd name="T11" fmla="*/ 1 h 206"/>
                    <a:gd name="T12" fmla="*/ 0 w 161"/>
                    <a:gd name="T13" fmla="*/ 1 h 206"/>
                    <a:gd name="T14" fmla="*/ 0 w 161"/>
                    <a:gd name="T15" fmla="*/ 1 h 206"/>
                    <a:gd name="T16" fmla="*/ 0 w 161"/>
                    <a:gd name="T17" fmla="*/ 1 h 206"/>
                    <a:gd name="T18" fmla="*/ 0 w 161"/>
                    <a:gd name="T19" fmla="*/ 1 h 206"/>
                    <a:gd name="T20" fmla="*/ 0 w 161"/>
                    <a:gd name="T21" fmla="*/ 1 h 206"/>
                    <a:gd name="T22" fmla="*/ 0 w 161"/>
                    <a:gd name="T23" fmla="*/ 1 h 206"/>
                    <a:gd name="T24" fmla="*/ 0 w 161"/>
                    <a:gd name="T25" fmla="*/ 1 h 206"/>
                    <a:gd name="T26" fmla="*/ 0 w 161"/>
                    <a:gd name="T27" fmla="*/ 1 h 206"/>
                    <a:gd name="T28" fmla="*/ 0 w 161"/>
                    <a:gd name="T29" fmla="*/ 1 h 206"/>
                    <a:gd name="T30" fmla="*/ 0 w 161"/>
                    <a:gd name="T31" fmla="*/ 1 h 206"/>
                    <a:gd name="T32" fmla="*/ 0 w 161"/>
                    <a:gd name="T33" fmla="*/ 1 h 206"/>
                    <a:gd name="T34" fmla="*/ 0 w 161"/>
                    <a:gd name="T35" fmla="*/ 1 h 206"/>
                    <a:gd name="T36" fmla="*/ 0 w 161"/>
                    <a:gd name="T37" fmla="*/ 1 h 206"/>
                    <a:gd name="T38" fmla="*/ 0 w 161"/>
                    <a:gd name="T39" fmla="*/ 1 h 206"/>
                    <a:gd name="T40" fmla="*/ 0 w 161"/>
                    <a:gd name="T41" fmla="*/ 1 h 206"/>
                    <a:gd name="T42" fmla="*/ 0 w 161"/>
                    <a:gd name="T43" fmla="*/ 1 h 206"/>
                    <a:gd name="T44" fmla="*/ 0 w 161"/>
                    <a:gd name="T45" fmla="*/ 1 h 206"/>
                    <a:gd name="T46" fmla="*/ 0 w 161"/>
                    <a:gd name="T47" fmla="*/ 0 h 206"/>
                    <a:gd name="T48" fmla="*/ 0 w 161"/>
                    <a:gd name="T49" fmla="*/ 1 h 206"/>
                    <a:gd name="T50" fmla="*/ 0 w 161"/>
                    <a:gd name="T51" fmla="*/ 1 h 206"/>
                    <a:gd name="T52" fmla="*/ 0 w 161"/>
                    <a:gd name="T53" fmla="*/ 1 h 206"/>
                    <a:gd name="T54" fmla="*/ 0 w 161"/>
                    <a:gd name="T55" fmla="*/ 1 h 206"/>
                    <a:gd name="T56" fmla="*/ 0 w 161"/>
                    <a:gd name="T57" fmla="*/ 1 h 206"/>
                    <a:gd name="T58" fmla="*/ 0 w 161"/>
                    <a:gd name="T59" fmla="*/ 1 h 206"/>
                    <a:gd name="T60" fmla="*/ 0 w 161"/>
                    <a:gd name="T61" fmla="*/ 1 h 206"/>
                    <a:gd name="T62" fmla="*/ 0 w 161"/>
                    <a:gd name="T63" fmla="*/ 1 h 206"/>
                    <a:gd name="T64" fmla="*/ 0 w 161"/>
                    <a:gd name="T65" fmla="*/ 1 h 206"/>
                    <a:gd name="T66" fmla="*/ 0 w 161"/>
                    <a:gd name="T67" fmla="*/ 1 h 206"/>
                    <a:gd name="T68" fmla="*/ 0 w 161"/>
                    <a:gd name="T69" fmla="*/ 1 h 206"/>
                    <a:gd name="T70" fmla="*/ 0 w 161"/>
                    <a:gd name="T71" fmla="*/ 1 h 206"/>
                    <a:gd name="T72" fmla="*/ 0 w 161"/>
                    <a:gd name="T73" fmla="*/ 1 h 206"/>
                    <a:gd name="T74" fmla="*/ 0 w 161"/>
                    <a:gd name="T75" fmla="*/ 1 h 206"/>
                    <a:gd name="T76" fmla="*/ 0 w 161"/>
                    <a:gd name="T77" fmla="*/ 1 h 206"/>
                    <a:gd name="T78" fmla="*/ 0 w 161"/>
                    <a:gd name="T79" fmla="*/ 1 h 206"/>
                    <a:gd name="T80" fmla="*/ 0 w 161"/>
                    <a:gd name="T81" fmla="*/ 1 h 206"/>
                    <a:gd name="T82" fmla="*/ 0 w 161"/>
                    <a:gd name="T83" fmla="*/ 1 h 206"/>
                    <a:gd name="T84" fmla="*/ 0 w 161"/>
                    <a:gd name="T85" fmla="*/ 1 h 206"/>
                    <a:gd name="T86" fmla="*/ 0 w 161"/>
                    <a:gd name="T87" fmla="*/ 1 h 206"/>
                    <a:gd name="T88" fmla="*/ 0 w 161"/>
                    <a:gd name="T89" fmla="*/ 1 h 206"/>
                    <a:gd name="T90" fmla="*/ 0 w 161"/>
                    <a:gd name="T91" fmla="*/ 1 h 206"/>
                    <a:gd name="T92" fmla="*/ 0 w 161"/>
                    <a:gd name="T93" fmla="*/ 1 h 206"/>
                    <a:gd name="T94" fmla="*/ 0 w 161"/>
                    <a:gd name="T95" fmla="*/ 1 h 206"/>
                    <a:gd name="T96" fmla="*/ 0 w 161"/>
                    <a:gd name="T97" fmla="*/ 1 h 206"/>
                    <a:gd name="T98" fmla="*/ 0 w 161"/>
                    <a:gd name="T99" fmla="*/ 1 h 206"/>
                    <a:gd name="T100" fmla="*/ 0 w 161"/>
                    <a:gd name="T101" fmla="*/ 1 h 206"/>
                    <a:gd name="T102" fmla="*/ 0 w 161"/>
                    <a:gd name="T103" fmla="*/ 1 h 206"/>
                    <a:gd name="T104" fmla="*/ 0 w 161"/>
                    <a:gd name="T105" fmla="*/ 1 h 206"/>
                    <a:gd name="T106" fmla="*/ 0 w 161"/>
                    <a:gd name="T107" fmla="*/ 1 h 206"/>
                    <a:gd name="T108" fmla="*/ 0 w 161"/>
                    <a:gd name="T109" fmla="*/ 1 h 206"/>
                    <a:gd name="T110" fmla="*/ 0 w 161"/>
                    <a:gd name="T111" fmla="*/ 1 h 20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</a:gdLst>
                  <a:ahLst/>
                  <a:cxnLst>
                    <a:cxn ang="T112">
                      <a:pos x="T0" y="T1"/>
                    </a:cxn>
                    <a:cxn ang="T113">
                      <a:pos x="T2" y="T3"/>
                    </a:cxn>
                    <a:cxn ang="T114">
                      <a:pos x="T4" y="T5"/>
                    </a:cxn>
                    <a:cxn ang="T115">
                      <a:pos x="T6" y="T7"/>
                    </a:cxn>
                    <a:cxn ang="T116">
                      <a:pos x="T8" y="T9"/>
                    </a:cxn>
                    <a:cxn ang="T117">
                      <a:pos x="T10" y="T11"/>
                    </a:cxn>
                    <a:cxn ang="T118">
                      <a:pos x="T12" y="T13"/>
                    </a:cxn>
                    <a:cxn ang="T119">
                      <a:pos x="T14" y="T15"/>
                    </a:cxn>
                    <a:cxn ang="T120">
                      <a:pos x="T16" y="T17"/>
                    </a:cxn>
                    <a:cxn ang="T121">
                      <a:pos x="T18" y="T19"/>
                    </a:cxn>
                    <a:cxn ang="T122">
                      <a:pos x="T20" y="T21"/>
                    </a:cxn>
                    <a:cxn ang="T123">
                      <a:pos x="T22" y="T23"/>
                    </a:cxn>
                    <a:cxn ang="T124">
                      <a:pos x="T24" y="T25"/>
                    </a:cxn>
                    <a:cxn ang="T125">
                      <a:pos x="T26" y="T27"/>
                    </a:cxn>
                    <a:cxn ang="T126">
                      <a:pos x="T28" y="T29"/>
                    </a:cxn>
                    <a:cxn ang="T127">
                      <a:pos x="T30" y="T31"/>
                    </a:cxn>
                    <a:cxn ang="T128">
                      <a:pos x="T32" y="T33"/>
                    </a:cxn>
                    <a:cxn ang="T129">
                      <a:pos x="T34" y="T35"/>
                    </a:cxn>
                    <a:cxn ang="T130">
                      <a:pos x="T36" y="T37"/>
                    </a:cxn>
                    <a:cxn ang="T131">
                      <a:pos x="T38" y="T39"/>
                    </a:cxn>
                    <a:cxn ang="T132">
                      <a:pos x="T40" y="T41"/>
                    </a:cxn>
                    <a:cxn ang="T133">
                      <a:pos x="T42" y="T43"/>
                    </a:cxn>
                    <a:cxn ang="T134">
                      <a:pos x="T44" y="T45"/>
                    </a:cxn>
                    <a:cxn ang="T135">
                      <a:pos x="T46" y="T47"/>
                    </a:cxn>
                    <a:cxn ang="T136">
                      <a:pos x="T48" y="T49"/>
                    </a:cxn>
                    <a:cxn ang="T137">
                      <a:pos x="T50" y="T51"/>
                    </a:cxn>
                    <a:cxn ang="T138">
                      <a:pos x="T52" y="T53"/>
                    </a:cxn>
                    <a:cxn ang="T139">
                      <a:pos x="T54" y="T55"/>
                    </a:cxn>
                    <a:cxn ang="T140">
                      <a:pos x="T56" y="T57"/>
                    </a:cxn>
                    <a:cxn ang="T141">
                      <a:pos x="T58" y="T59"/>
                    </a:cxn>
                    <a:cxn ang="T142">
                      <a:pos x="T60" y="T61"/>
                    </a:cxn>
                    <a:cxn ang="T143">
                      <a:pos x="T62" y="T63"/>
                    </a:cxn>
                    <a:cxn ang="T144">
                      <a:pos x="T64" y="T65"/>
                    </a:cxn>
                    <a:cxn ang="T145">
                      <a:pos x="T66" y="T67"/>
                    </a:cxn>
                    <a:cxn ang="T146">
                      <a:pos x="T68" y="T69"/>
                    </a:cxn>
                    <a:cxn ang="T147">
                      <a:pos x="T70" y="T71"/>
                    </a:cxn>
                    <a:cxn ang="T148">
                      <a:pos x="T72" y="T73"/>
                    </a:cxn>
                    <a:cxn ang="T149">
                      <a:pos x="T74" y="T75"/>
                    </a:cxn>
                    <a:cxn ang="T150">
                      <a:pos x="T76" y="T77"/>
                    </a:cxn>
                    <a:cxn ang="T151">
                      <a:pos x="T78" y="T79"/>
                    </a:cxn>
                    <a:cxn ang="T152">
                      <a:pos x="T80" y="T81"/>
                    </a:cxn>
                    <a:cxn ang="T153">
                      <a:pos x="T82" y="T83"/>
                    </a:cxn>
                    <a:cxn ang="T154">
                      <a:pos x="T84" y="T85"/>
                    </a:cxn>
                    <a:cxn ang="T155">
                      <a:pos x="T86" y="T87"/>
                    </a:cxn>
                    <a:cxn ang="T156">
                      <a:pos x="T88" y="T89"/>
                    </a:cxn>
                    <a:cxn ang="T157">
                      <a:pos x="T90" y="T91"/>
                    </a:cxn>
                    <a:cxn ang="T158">
                      <a:pos x="T92" y="T93"/>
                    </a:cxn>
                    <a:cxn ang="T159">
                      <a:pos x="T94" y="T95"/>
                    </a:cxn>
                    <a:cxn ang="T160">
                      <a:pos x="T96" y="T97"/>
                    </a:cxn>
                    <a:cxn ang="T161">
                      <a:pos x="T98" y="T99"/>
                    </a:cxn>
                    <a:cxn ang="T162">
                      <a:pos x="T100" y="T101"/>
                    </a:cxn>
                    <a:cxn ang="T163">
                      <a:pos x="T102" y="T103"/>
                    </a:cxn>
                    <a:cxn ang="T164">
                      <a:pos x="T104" y="T105"/>
                    </a:cxn>
                    <a:cxn ang="T165">
                      <a:pos x="T106" y="T107"/>
                    </a:cxn>
                    <a:cxn ang="T166">
                      <a:pos x="T108" y="T109"/>
                    </a:cxn>
                    <a:cxn ang="T167">
                      <a:pos x="T110" y="T111"/>
                    </a:cxn>
                  </a:cxnLst>
                  <a:rect l="0" t="0" r="r" b="b"/>
                  <a:pathLst>
                    <a:path w="161" h="206">
                      <a:moveTo>
                        <a:pt x="0" y="138"/>
                      </a:moveTo>
                      <a:lnTo>
                        <a:pt x="40" y="134"/>
                      </a:lnTo>
                      <a:lnTo>
                        <a:pt x="40" y="136"/>
                      </a:lnTo>
                      <a:lnTo>
                        <a:pt x="41" y="140"/>
                      </a:lnTo>
                      <a:lnTo>
                        <a:pt x="41" y="142"/>
                      </a:lnTo>
                      <a:lnTo>
                        <a:pt x="42" y="145"/>
                      </a:lnTo>
                      <a:lnTo>
                        <a:pt x="43" y="148"/>
                      </a:lnTo>
                      <a:lnTo>
                        <a:pt x="44" y="150"/>
                      </a:lnTo>
                      <a:lnTo>
                        <a:pt x="45" y="152"/>
                      </a:lnTo>
                      <a:lnTo>
                        <a:pt x="47" y="154"/>
                      </a:lnTo>
                      <a:lnTo>
                        <a:pt x="48" y="157"/>
                      </a:lnTo>
                      <a:lnTo>
                        <a:pt x="50" y="159"/>
                      </a:lnTo>
                      <a:lnTo>
                        <a:pt x="52" y="160"/>
                      </a:lnTo>
                      <a:lnTo>
                        <a:pt x="54" y="162"/>
                      </a:lnTo>
                      <a:lnTo>
                        <a:pt x="55" y="163"/>
                      </a:lnTo>
                      <a:lnTo>
                        <a:pt x="57" y="164"/>
                      </a:lnTo>
                      <a:lnTo>
                        <a:pt x="60" y="166"/>
                      </a:lnTo>
                      <a:lnTo>
                        <a:pt x="62" y="167"/>
                      </a:lnTo>
                      <a:lnTo>
                        <a:pt x="64" y="168"/>
                      </a:lnTo>
                      <a:lnTo>
                        <a:pt x="66" y="169"/>
                      </a:lnTo>
                      <a:lnTo>
                        <a:pt x="69" y="169"/>
                      </a:lnTo>
                      <a:lnTo>
                        <a:pt x="72" y="170"/>
                      </a:lnTo>
                      <a:lnTo>
                        <a:pt x="74" y="170"/>
                      </a:lnTo>
                      <a:lnTo>
                        <a:pt x="76" y="170"/>
                      </a:lnTo>
                      <a:lnTo>
                        <a:pt x="80" y="170"/>
                      </a:lnTo>
                      <a:lnTo>
                        <a:pt x="83" y="171"/>
                      </a:lnTo>
                      <a:lnTo>
                        <a:pt x="85" y="170"/>
                      </a:lnTo>
                      <a:lnTo>
                        <a:pt x="89" y="170"/>
                      </a:lnTo>
                      <a:lnTo>
                        <a:pt x="92" y="170"/>
                      </a:lnTo>
                      <a:lnTo>
                        <a:pt x="94" y="170"/>
                      </a:lnTo>
                      <a:lnTo>
                        <a:pt x="97" y="169"/>
                      </a:lnTo>
                      <a:lnTo>
                        <a:pt x="100" y="169"/>
                      </a:lnTo>
                      <a:lnTo>
                        <a:pt x="102" y="168"/>
                      </a:lnTo>
                      <a:lnTo>
                        <a:pt x="104" y="167"/>
                      </a:lnTo>
                      <a:lnTo>
                        <a:pt x="107" y="167"/>
                      </a:lnTo>
                      <a:lnTo>
                        <a:pt x="108" y="166"/>
                      </a:lnTo>
                      <a:lnTo>
                        <a:pt x="110" y="164"/>
                      </a:lnTo>
                      <a:lnTo>
                        <a:pt x="112" y="163"/>
                      </a:lnTo>
                      <a:lnTo>
                        <a:pt x="113" y="161"/>
                      </a:lnTo>
                      <a:lnTo>
                        <a:pt x="114" y="160"/>
                      </a:lnTo>
                      <a:lnTo>
                        <a:pt x="116" y="159"/>
                      </a:lnTo>
                      <a:lnTo>
                        <a:pt x="118" y="157"/>
                      </a:lnTo>
                      <a:lnTo>
                        <a:pt x="118" y="155"/>
                      </a:lnTo>
                      <a:lnTo>
                        <a:pt x="119" y="154"/>
                      </a:lnTo>
                      <a:lnTo>
                        <a:pt x="120" y="152"/>
                      </a:lnTo>
                      <a:lnTo>
                        <a:pt x="121" y="151"/>
                      </a:lnTo>
                      <a:lnTo>
                        <a:pt x="121" y="149"/>
                      </a:lnTo>
                      <a:lnTo>
                        <a:pt x="121" y="148"/>
                      </a:lnTo>
                      <a:lnTo>
                        <a:pt x="121" y="145"/>
                      </a:lnTo>
                      <a:lnTo>
                        <a:pt x="122" y="144"/>
                      </a:lnTo>
                      <a:lnTo>
                        <a:pt x="121" y="143"/>
                      </a:lnTo>
                      <a:lnTo>
                        <a:pt x="121" y="142"/>
                      </a:lnTo>
                      <a:lnTo>
                        <a:pt x="121" y="141"/>
                      </a:lnTo>
                      <a:lnTo>
                        <a:pt x="121" y="140"/>
                      </a:lnTo>
                      <a:lnTo>
                        <a:pt x="121" y="139"/>
                      </a:lnTo>
                      <a:lnTo>
                        <a:pt x="120" y="138"/>
                      </a:lnTo>
                      <a:lnTo>
                        <a:pt x="120" y="136"/>
                      </a:lnTo>
                      <a:lnTo>
                        <a:pt x="120" y="135"/>
                      </a:lnTo>
                      <a:lnTo>
                        <a:pt x="119" y="135"/>
                      </a:lnTo>
                      <a:lnTo>
                        <a:pt x="119" y="134"/>
                      </a:lnTo>
                      <a:lnTo>
                        <a:pt x="118" y="133"/>
                      </a:lnTo>
                      <a:lnTo>
                        <a:pt x="117" y="132"/>
                      </a:lnTo>
                      <a:lnTo>
                        <a:pt x="116" y="131"/>
                      </a:lnTo>
                      <a:lnTo>
                        <a:pt x="114" y="130"/>
                      </a:lnTo>
                      <a:lnTo>
                        <a:pt x="113" y="129"/>
                      </a:lnTo>
                      <a:lnTo>
                        <a:pt x="112" y="129"/>
                      </a:lnTo>
                      <a:lnTo>
                        <a:pt x="111" y="127"/>
                      </a:lnTo>
                      <a:lnTo>
                        <a:pt x="110" y="126"/>
                      </a:lnTo>
                      <a:lnTo>
                        <a:pt x="109" y="126"/>
                      </a:lnTo>
                      <a:lnTo>
                        <a:pt x="108" y="125"/>
                      </a:lnTo>
                      <a:lnTo>
                        <a:pt x="105" y="125"/>
                      </a:lnTo>
                      <a:lnTo>
                        <a:pt x="104" y="124"/>
                      </a:lnTo>
                      <a:lnTo>
                        <a:pt x="103" y="124"/>
                      </a:lnTo>
                      <a:lnTo>
                        <a:pt x="101" y="123"/>
                      </a:lnTo>
                      <a:lnTo>
                        <a:pt x="100" y="123"/>
                      </a:lnTo>
                      <a:lnTo>
                        <a:pt x="98" y="122"/>
                      </a:lnTo>
                      <a:lnTo>
                        <a:pt x="97" y="122"/>
                      </a:lnTo>
                      <a:lnTo>
                        <a:pt x="94" y="121"/>
                      </a:lnTo>
                      <a:lnTo>
                        <a:pt x="91" y="120"/>
                      </a:lnTo>
                      <a:lnTo>
                        <a:pt x="89" y="120"/>
                      </a:lnTo>
                      <a:lnTo>
                        <a:pt x="85" y="119"/>
                      </a:lnTo>
                      <a:lnTo>
                        <a:pt x="82" y="117"/>
                      </a:lnTo>
                      <a:lnTo>
                        <a:pt x="79" y="116"/>
                      </a:lnTo>
                      <a:lnTo>
                        <a:pt x="74" y="115"/>
                      </a:lnTo>
                      <a:lnTo>
                        <a:pt x="71" y="115"/>
                      </a:lnTo>
                      <a:lnTo>
                        <a:pt x="65" y="113"/>
                      </a:lnTo>
                      <a:lnTo>
                        <a:pt x="61" y="112"/>
                      </a:lnTo>
                      <a:lnTo>
                        <a:pt x="55" y="111"/>
                      </a:lnTo>
                      <a:lnTo>
                        <a:pt x="52" y="108"/>
                      </a:lnTo>
                      <a:lnTo>
                        <a:pt x="47" y="107"/>
                      </a:lnTo>
                      <a:lnTo>
                        <a:pt x="43" y="105"/>
                      </a:lnTo>
                      <a:lnTo>
                        <a:pt x="40" y="104"/>
                      </a:lnTo>
                      <a:lnTo>
                        <a:pt x="36" y="102"/>
                      </a:lnTo>
                      <a:lnTo>
                        <a:pt x="33" y="101"/>
                      </a:lnTo>
                      <a:lnTo>
                        <a:pt x="31" y="98"/>
                      </a:lnTo>
                      <a:lnTo>
                        <a:pt x="28" y="96"/>
                      </a:lnTo>
                      <a:lnTo>
                        <a:pt x="26" y="95"/>
                      </a:lnTo>
                      <a:lnTo>
                        <a:pt x="23" y="92"/>
                      </a:lnTo>
                      <a:lnTo>
                        <a:pt x="21" y="89"/>
                      </a:lnTo>
                      <a:lnTo>
                        <a:pt x="17" y="86"/>
                      </a:lnTo>
                      <a:lnTo>
                        <a:pt x="16" y="83"/>
                      </a:lnTo>
                      <a:lnTo>
                        <a:pt x="14" y="81"/>
                      </a:lnTo>
                      <a:lnTo>
                        <a:pt x="12" y="77"/>
                      </a:lnTo>
                      <a:lnTo>
                        <a:pt x="11" y="74"/>
                      </a:lnTo>
                      <a:lnTo>
                        <a:pt x="9" y="70"/>
                      </a:lnTo>
                      <a:lnTo>
                        <a:pt x="8" y="67"/>
                      </a:lnTo>
                      <a:lnTo>
                        <a:pt x="8" y="63"/>
                      </a:lnTo>
                      <a:lnTo>
                        <a:pt x="8" y="59"/>
                      </a:lnTo>
                      <a:lnTo>
                        <a:pt x="8" y="56"/>
                      </a:lnTo>
                      <a:lnTo>
                        <a:pt x="8" y="53"/>
                      </a:lnTo>
                      <a:lnTo>
                        <a:pt x="8" y="50"/>
                      </a:lnTo>
                      <a:lnTo>
                        <a:pt x="8" y="48"/>
                      </a:lnTo>
                      <a:lnTo>
                        <a:pt x="8" y="45"/>
                      </a:lnTo>
                      <a:lnTo>
                        <a:pt x="9" y="42"/>
                      </a:lnTo>
                      <a:lnTo>
                        <a:pt x="9" y="40"/>
                      </a:lnTo>
                      <a:lnTo>
                        <a:pt x="11" y="38"/>
                      </a:lnTo>
                      <a:lnTo>
                        <a:pt x="12" y="36"/>
                      </a:lnTo>
                      <a:lnTo>
                        <a:pt x="12" y="34"/>
                      </a:lnTo>
                      <a:lnTo>
                        <a:pt x="13" y="31"/>
                      </a:lnTo>
                      <a:lnTo>
                        <a:pt x="14" y="29"/>
                      </a:lnTo>
                      <a:lnTo>
                        <a:pt x="16" y="27"/>
                      </a:lnTo>
                      <a:lnTo>
                        <a:pt x="17" y="25"/>
                      </a:lnTo>
                      <a:lnTo>
                        <a:pt x="18" y="22"/>
                      </a:lnTo>
                      <a:lnTo>
                        <a:pt x="21" y="20"/>
                      </a:lnTo>
                      <a:lnTo>
                        <a:pt x="23" y="18"/>
                      </a:lnTo>
                      <a:lnTo>
                        <a:pt x="24" y="17"/>
                      </a:lnTo>
                      <a:lnTo>
                        <a:pt x="26" y="15"/>
                      </a:lnTo>
                      <a:lnTo>
                        <a:pt x="28" y="13"/>
                      </a:lnTo>
                      <a:lnTo>
                        <a:pt x="31" y="11"/>
                      </a:lnTo>
                      <a:lnTo>
                        <a:pt x="33" y="10"/>
                      </a:lnTo>
                      <a:lnTo>
                        <a:pt x="35" y="9"/>
                      </a:lnTo>
                      <a:lnTo>
                        <a:pt x="37" y="8"/>
                      </a:lnTo>
                      <a:lnTo>
                        <a:pt x="41" y="7"/>
                      </a:lnTo>
                      <a:lnTo>
                        <a:pt x="43" y="6"/>
                      </a:lnTo>
                      <a:lnTo>
                        <a:pt x="46" y="4"/>
                      </a:lnTo>
                      <a:lnTo>
                        <a:pt x="48" y="3"/>
                      </a:lnTo>
                      <a:lnTo>
                        <a:pt x="52" y="2"/>
                      </a:lnTo>
                      <a:lnTo>
                        <a:pt x="55" y="2"/>
                      </a:lnTo>
                      <a:lnTo>
                        <a:pt x="59" y="1"/>
                      </a:lnTo>
                      <a:lnTo>
                        <a:pt x="62" y="1"/>
                      </a:lnTo>
                      <a:lnTo>
                        <a:pt x="65" y="0"/>
                      </a:lnTo>
                      <a:lnTo>
                        <a:pt x="69" y="0"/>
                      </a:lnTo>
                      <a:lnTo>
                        <a:pt x="72" y="0"/>
                      </a:lnTo>
                      <a:lnTo>
                        <a:pt x="75" y="0"/>
                      </a:lnTo>
                      <a:lnTo>
                        <a:pt x="80" y="0"/>
                      </a:lnTo>
                      <a:lnTo>
                        <a:pt x="85" y="0"/>
                      </a:lnTo>
                      <a:lnTo>
                        <a:pt x="91" y="0"/>
                      </a:lnTo>
                      <a:lnTo>
                        <a:pt x="97" y="0"/>
                      </a:lnTo>
                      <a:lnTo>
                        <a:pt x="102" y="1"/>
                      </a:lnTo>
                      <a:lnTo>
                        <a:pt x="108" y="2"/>
                      </a:lnTo>
                      <a:lnTo>
                        <a:pt x="112" y="3"/>
                      </a:lnTo>
                      <a:lnTo>
                        <a:pt x="117" y="6"/>
                      </a:lnTo>
                      <a:lnTo>
                        <a:pt x="121" y="7"/>
                      </a:lnTo>
                      <a:lnTo>
                        <a:pt x="124" y="9"/>
                      </a:lnTo>
                      <a:lnTo>
                        <a:pt x="129" y="11"/>
                      </a:lnTo>
                      <a:lnTo>
                        <a:pt x="132" y="13"/>
                      </a:lnTo>
                      <a:lnTo>
                        <a:pt x="136" y="17"/>
                      </a:lnTo>
                      <a:lnTo>
                        <a:pt x="138" y="19"/>
                      </a:lnTo>
                      <a:lnTo>
                        <a:pt x="141" y="22"/>
                      </a:lnTo>
                      <a:lnTo>
                        <a:pt x="143" y="26"/>
                      </a:lnTo>
                      <a:lnTo>
                        <a:pt x="146" y="29"/>
                      </a:lnTo>
                      <a:lnTo>
                        <a:pt x="148" y="32"/>
                      </a:lnTo>
                      <a:lnTo>
                        <a:pt x="150" y="36"/>
                      </a:lnTo>
                      <a:lnTo>
                        <a:pt x="151" y="39"/>
                      </a:lnTo>
                      <a:lnTo>
                        <a:pt x="152" y="44"/>
                      </a:lnTo>
                      <a:lnTo>
                        <a:pt x="154" y="47"/>
                      </a:lnTo>
                      <a:lnTo>
                        <a:pt x="155" y="51"/>
                      </a:lnTo>
                      <a:lnTo>
                        <a:pt x="155" y="56"/>
                      </a:lnTo>
                      <a:lnTo>
                        <a:pt x="156" y="60"/>
                      </a:lnTo>
                      <a:lnTo>
                        <a:pt x="116" y="61"/>
                      </a:lnTo>
                      <a:lnTo>
                        <a:pt x="114" y="58"/>
                      </a:lnTo>
                      <a:lnTo>
                        <a:pt x="114" y="56"/>
                      </a:lnTo>
                      <a:lnTo>
                        <a:pt x="113" y="54"/>
                      </a:lnTo>
                      <a:lnTo>
                        <a:pt x="112" y="53"/>
                      </a:lnTo>
                      <a:lnTo>
                        <a:pt x="112" y="50"/>
                      </a:lnTo>
                      <a:lnTo>
                        <a:pt x="111" y="48"/>
                      </a:lnTo>
                      <a:lnTo>
                        <a:pt x="110" y="47"/>
                      </a:lnTo>
                      <a:lnTo>
                        <a:pt x="109" y="45"/>
                      </a:lnTo>
                      <a:lnTo>
                        <a:pt x="108" y="44"/>
                      </a:lnTo>
                      <a:lnTo>
                        <a:pt x="107" y="42"/>
                      </a:lnTo>
                      <a:lnTo>
                        <a:pt x="105" y="41"/>
                      </a:lnTo>
                      <a:lnTo>
                        <a:pt x="104" y="40"/>
                      </a:lnTo>
                      <a:lnTo>
                        <a:pt x="102" y="39"/>
                      </a:lnTo>
                      <a:lnTo>
                        <a:pt x="101" y="38"/>
                      </a:lnTo>
                      <a:lnTo>
                        <a:pt x="99" y="37"/>
                      </a:lnTo>
                      <a:lnTo>
                        <a:pt x="98" y="36"/>
                      </a:lnTo>
                      <a:lnTo>
                        <a:pt x="95" y="36"/>
                      </a:lnTo>
                      <a:lnTo>
                        <a:pt x="93" y="35"/>
                      </a:lnTo>
                      <a:lnTo>
                        <a:pt x="92" y="35"/>
                      </a:lnTo>
                      <a:lnTo>
                        <a:pt x="90" y="34"/>
                      </a:lnTo>
                      <a:lnTo>
                        <a:pt x="86" y="34"/>
                      </a:lnTo>
                      <a:lnTo>
                        <a:pt x="84" y="34"/>
                      </a:lnTo>
                      <a:lnTo>
                        <a:pt x="82" y="34"/>
                      </a:lnTo>
                      <a:lnTo>
                        <a:pt x="80" y="34"/>
                      </a:lnTo>
                      <a:lnTo>
                        <a:pt x="76" y="34"/>
                      </a:lnTo>
                      <a:lnTo>
                        <a:pt x="74" y="34"/>
                      </a:lnTo>
                      <a:lnTo>
                        <a:pt x="71" y="34"/>
                      </a:lnTo>
                      <a:lnTo>
                        <a:pt x="69" y="34"/>
                      </a:lnTo>
                      <a:lnTo>
                        <a:pt x="66" y="35"/>
                      </a:lnTo>
                      <a:lnTo>
                        <a:pt x="64" y="35"/>
                      </a:lnTo>
                      <a:lnTo>
                        <a:pt x="62" y="36"/>
                      </a:lnTo>
                      <a:lnTo>
                        <a:pt x="60" y="36"/>
                      </a:lnTo>
                      <a:lnTo>
                        <a:pt x="57" y="37"/>
                      </a:lnTo>
                      <a:lnTo>
                        <a:pt x="56" y="38"/>
                      </a:lnTo>
                      <a:lnTo>
                        <a:pt x="54" y="39"/>
                      </a:lnTo>
                      <a:lnTo>
                        <a:pt x="53" y="40"/>
                      </a:lnTo>
                      <a:lnTo>
                        <a:pt x="52" y="40"/>
                      </a:lnTo>
                      <a:lnTo>
                        <a:pt x="51" y="41"/>
                      </a:lnTo>
                      <a:lnTo>
                        <a:pt x="50" y="42"/>
                      </a:lnTo>
                      <a:lnTo>
                        <a:pt x="48" y="44"/>
                      </a:lnTo>
                      <a:lnTo>
                        <a:pt x="47" y="45"/>
                      </a:lnTo>
                      <a:lnTo>
                        <a:pt x="47" y="46"/>
                      </a:lnTo>
                      <a:lnTo>
                        <a:pt x="46" y="47"/>
                      </a:lnTo>
                      <a:lnTo>
                        <a:pt x="46" y="48"/>
                      </a:lnTo>
                      <a:lnTo>
                        <a:pt x="46" y="49"/>
                      </a:lnTo>
                      <a:lnTo>
                        <a:pt x="46" y="50"/>
                      </a:lnTo>
                      <a:lnTo>
                        <a:pt x="46" y="53"/>
                      </a:lnTo>
                      <a:lnTo>
                        <a:pt x="46" y="54"/>
                      </a:lnTo>
                      <a:lnTo>
                        <a:pt x="46" y="55"/>
                      </a:lnTo>
                      <a:lnTo>
                        <a:pt x="46" y="56"/>
                      </a:lnTo>
                      <a:lnTo>
                        <a:pt x="46" y="57"/>
                      </a:lnTo>
                      <a:lnTo>
                        <a:pt x="46" y="58"/>
                      </a:lnTo>
                      <a:lnTo>
                        <a:pt x="47" y="59"/>
                      </a:lnTo>
                      <a:lnTo>
                        <a:pt x="47" y="60"/>
                      </a:lnTo>
                      <a:lnTo>
                        <a:pt x="48" y="61"/>
                      </a:lnTo>
                      <a:lnTo>
                        <a:pt x="50" y="63"/>
                      </a:lnTo>
                      <a:lnTo>
                        <a:pt x="51" y="64"/>
                      </a:lnTo>
                      <a:lnTo>
                        <a:pt x="52" y="65"/>
                      </a:lnTo>
                      <a:lnTo>
                        <a:pt x="53" y="66"/>
                      </a:lnTo>
                      <a:lnTo>
                        <a:pt x="54" y="67"/>
                      </a:lnTo>
                      <a:lnTo>
                        <a:pt x="56" y="68"/>
                      </a:lnTo>
                      <a:lnTo>
                        <a:pt x="59" y="69"/>
                      </a:lnTo>
                      <a:lnTo>
                        <a:pt x="62" y="70"/>
                      </a:lnTo>
                      <a:lnTo>
                        <a:pt x="64" y="72"/>
                      </a:lnTo>
                      <a:lnTo>
                        <a:pt x="67" y="73"/>
                      </a:lnTo>
                      <a:lnTo>
                        <a:pt x="71" y="74"/>
                      </a:lnTo>
                      <a:lnTo>
                        <a:pt x="75" y="75"/>
                      </a:lnTo>
                      <a:lnTo>
                        <a:pt x="79" y="76"/>
                      </a:lnTo>
                      <a:lnTo>
                        <a:pt x="83" y="77"/>
                      </a:lnTo>
                      <a:lnTo>
                        <a:pt x="89" y="78"/>
                      </a:lnTo>
                      <a:lnTo>
                        <a:pt x="93" y="79"/>
                      </a:lnTo>
                      <a:lnTo>
                        <a:pt x="98" y="81"/>
                      </a:lnTo>
                      <a:lnTo>
                        <a:pt x="102" y="82"/>
                      </a:lnTo>
                      <a:lnTo>
                        <a:pt x="105" y="83"/>
                      </a:lnTo>
                      <a:lnTo>
                        <a:pt x="110" y="84"/>
                      </a:lnTo>
                      <a:lnTo>
                        <a:pt x="113" y="85"/>
                      </a:lnTo>
                      <a:lnTo>
                        <a:pt x="117" y="86"/>
                      </a:lnTo>
                      <a:lnTo>
                        <a:pt x="120" y="87"/>
                      </a:lnTo>
                      <a:lnTo>
                        <a:pt x="123" y="88"/>
                      </a:lnTo>
                      <a:lnTo>
                        <a:pt x="127" y="89"/>
                      </a:lnTo>
                      <a:lnTo>
                        <a:pt x="129" y="91"/>
                      </a:lnTo>
                      <a:lnTo>
                        <a:pt x="132" y="93"/>
                      </a:lnTo>
                      <a:lnTo>
                        <a:pt x="133" y="94"/>
                      </a:lnTo>
                      <a:lnTo>
                        <a:pt x="136" y="95"/>
                      </a:lnTo>
                      <a:lnTo>
                        <a:pt x="138" y="96"/>
                      </a:lnTo>
                      <a:lnTo>
                        <a:pt x="140" y="97"/>
                      </a:lnTo>
                      <a:lnTo>
                        <a:pt x="142" y="100"/>
                      </a:lnTo>
                      <a:lnTo>
                        <a:pt x="143" y="101"/>
                      </a:lnTo>
                      <a:lnTo>
                        <a:pt x="146" y="103"/>
                      </a:lnTo>
                      <a:lnTo>
                        <a:pt x="147" y="104"/>
                      </a:lnTo>
                      <a:lnTo>
                        <a:pt x="149" y="106"/>
                      </a:lnTo>
                      <a:lnTo>
                        <a:pt x="150" y="108"/>
                      </a:lnTo>
                      <a:lnTo>
                        <a:pt x="151" y="111"/>
                      </a:lnTo>
                      <a:lnTo>
                        <a:pt x="154" y="113"/>
                      </a:lnTo>
                      <a:lnTo>
                        <a:pt x="155" y="114"/>
                      </a:lnTo>
                      <a:lnTo>
                        <a:pt x="156" y="116"/>
                      </a:lnTo>
                      <a:lnTo>
                        <a:pt x="157" y="119"/>
                      </a:lnTo>
                      <a:lnTo>
                        <a:pt x="157" y="122"/>
                      </a:lnTo>
                      <a:lnTo>
                        <a:pt x="158" y="124"/>
                      </a:lnTo>
                      <a:lnTo>
                        <a:pt x="159" y="126"/>
                      </a:lnTo>
                      <a:lnTo>
                        <a:pt x="159" y="129"/>
                      </a:lnTo>
                      <a:lnTo>
                        <a:pt x="160" y="132"/>
                      </a:lnTo>
                      <a:lnTo>
                        <a:pt x="160" y="134"/>
                      </a:lnTo>
                      <a:lnTo>
                        <a:pt x="160" y="138"/>
                      </a:lnTo>
                      <a:lnTo>
                        <a:pt x="160" y="141"/>
                      </a:lnTo>
                      <a:lnTo>
                        <a:pt x="161" y="144"/>
                      </a:lnTo>
                      <a:lnTo>
                        <a:pt x="160" y="146"/>
                      </a:lnTo>
                      <a:lnTo>
                        <a:pt x="160" y="149"/>
                      </a:lnTo>
                      <a:lnTo>
                        <a:pt x="160" y="152"/>
                      </a:lnTo>
                      <a:lnTo>
                        <a:pt x="160" y="154"/>
                      </a:lnTo>
                      <a:lnTo>
                        <a:pt x="159" y="158"/>
                      </a:lnTo>
                      <a:lnTo>
                        <a:pt x="158" y="160"/>
                      </a:lnTo>
                      <a:lnTo>
                        <a:pt x="158" y="163"/>
                      </a:lnTo>
                      <a:lnTo>
                        <a:pt x="157" y="166"/>
                      </a:lnTo>
                      <a:lnTo>
                        <a:pt x="156" y="168"/>
                      </a:lnTo>
                      <a:lnTo>
                        <a:pt x="155" y="171"/>
                      </a:lnTo>
                      <a:lnTo>
                        <a:pt x="154" y="173"/>
                      </a:lnTo>
                      <a:lnTo>
                        <a:pt x="152" y="177"/>
                      </a:lnTo>
                      <a:lnTo>
                        <a:pt x="150" y="179"/>
                      </a:lnTo>
                      <a:lnTo>
                        <a:pt x="148" y="181"/>
                      </a:lnTo>
                      <a:lnTo>
                        <a:pt x="147" y="183"/>
                      </a:lnTo>
                      <a:lnTo>
                        <a:pt x="145" y="185"/>
                      </a:lnTo>
                      <a:lnTo>
                        <a:pt x="142" y="187"/>
                      </a:lnTo>
                      <a:lnTo>
                        <a:pt x="140" y="189"/>
                      </a:lnTo>
                      <a:lnTo>
                        <a:pt x="138" y="190"/>
                      </a:lnTo>
                      <a:lnTo>
                        <a:pt x="136" y="192"/>
                      </a:lnTo>
                      <a:lnTo>
                        <a:pt x="133" y="193"/>
                      </a:lnTo>
                      <a:lnTo>
                        <a:pt x="130" y="195"/>
                      </a:lnTo>
                      <a:lnTo>
                        <a:pt x="128" y="196"/>
                      </a:lnTo>
                      <a:lnTo>
                        <a:pt x="126" y="198"/>
                      </a:lnTo>
                      <a:lnTo>
                        <a:pt x="122" y="199"/>
                      </a:lnTo>
                      <a:lnTo>
                        <a:pt x="119" y="200"/>
                      </a:lnTo>
                      <a:lnTo>
                        <a:pt x="116" y="201"/>
                      </a:lnTo>
                      <a:lnTo>
                        <a:pt x="112" y="201"/>
                      </a:lnTo>
                      <a:lnTo>
                        <a:pt x="109" y="202"/>
                      </a:lnTo>
                      <a:lnTo>
                        <a:pt x="105" y="204"/>
                      </a:lnTo>
                      <a:lnTo>
                        <a:pt x="101" y="204"/>
                      </a:lnTo>
                      <a:lnTo>
                        <a:pt x="98" y="205"/>
                      </a:lnTo>
                      <a:lnTo>
                        <a:pt x="94" y="205"/>
                      </a:lnTo>
                      <a:lnTo>
                        <a:pt x="90" y="205"/>
                      </a:lnTo>
                      <a:lnTo>
                        <a:pt x="85" y="205"/>
                      </a:lnTo>
                      <a:lnTo>
                        <a:pt x="82" y="206"/>
                      </a:lnTo>
                      <a:lnTo>
                        <a:pt x="75" y="205"/>
                      </a:lnTo>
                      <a:lnTo>
                        <a:pt x="70" y="205"/>
                      </a:lnTo>
                      <a:lnTo>
                        <a:pt x="64" y="204"/>
                      </a:lnTo>
                      <a:lnTo>
                        <a:pt x="59" y="204"/>
                      </a:lnTo>
                      <a:lnTo>
                        <a:pt x="54" y="202"/>
                      </a:lnTo>
                      <a:lnTo>
                        <a:pt x="48" y="200"/>
                      </a:lnTo>
                      <a:lnTo>
                        <a:pt x="44" y="199"/>
                      </a:lnTo>
                      <a:lnTo>
                        <a:pt x="40" y="197"/>
                      </a:lnTo>
                      <a:lnTo>
                        <a:pt x="35" y="195"/>
                      </a:lnTo>
                      <a:lnTo>
                        <a:pt x="32" y="192"/>
                      </a:lnTo>
                      <a:lnTo>
                        <a:pt x="28" y="190"/>
                      </a:lnTo>
                      <a:lnTo>
                        <a:pt x="25" y="188"/>
                      </a:lnTo>
                      <a:lnTo>
                        <a:pt x="22" y="185"/>
                      </a:lnTo>
                      <a:lnTo>
                        <a:pt x="18" y="181"/>
                      </a:lnTo>
                      <a:lnTo>
                        <a:pt x="15" y="178"/>
                      </a:lnTo>
                      <a:lnTo>
                        <a:pt x="13" y="174"/>
                      </a:lnTo>
                      <a:lnTo>
                        <a:pt x="11" y="170"/>
                      </a:lnTo>
                      <a:lnTo>
                        <a:pt x="8" y="167"/>
                      </a:lnTo>
                      <a:lnTo>
                        <a:pt x="6" y="162"/>
                      </a:lnTo>
                      <a:lnTo>
                        <a:pt x="5" y="158"/>
                      </a:lnTo>
                      <a:lnTo>
                        <a:pt x="3" y="153"/>
                      </a:lnTo>
                      <a:lnTo>
                        <a:pt x="2" y="148"/>
                      </a:lnTo>
                      <a:lnTo>
                        <a:pt x="0" y="142"/>
                      </a:lnTo>
                      <a:lnTo>
                        <a:pt x="0" y="138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4" name="Freeform 21">
                  <a:extLst>
                    <a:ext uri="{FF2B5EF4-FFF2-40B4-BE49-F238E27FC236}">
                      <a16:creationId xmlns:a16="http://schemas.microsoft.com/office/drawing/2014/main" id="{9DFAC5B9-8B8E-4CFF-8F41-0163C3E973C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414" y="3706"/>
                  <a:ext cx="43" cy="99"/>
                </a:xfrm>
                <a:custGeom>
                  <a:avLst/>
                  <a:gdLst>
                    <a:gd name="T0" fmla="*/ 1 w 85"/>
                    <a:gd name="T1" fmla="*/ 0 h 199"/>
                    <a:gd name="T2" fmla="*/ 1 w 85"/>
                    <a:gd name="T3" fmla="*/ 0 h 199"/>
                    <a:gd name="T4" fmla="*/ 1 w 85"/>
                    <a:gd name="T5" fmla="*/ 0 h 199"/>
                    <a:gd name="T6" fmla="*/ 1 w 85"/>
                    <a:gd name="T7" fmla="*/ 0 h 199"/>
                    <a:gd name="T8" fmla="*/ 1 w 85"/>
                    <a:gd name="T9" fmla="*/ 0 h 199"/>
                    <a:gd name="T10" fmla="*/ 1 w 85"/>
                    <a:gd name="T11" fmla="*/ 0 h 199"/>
                    <a:gd name="T12" fmla="*/ 1 w 85"/>
                    <a:gd name="T13" fmla="*/ 0 h 199"/>
                    <a:gd name="T14" fmla="*/ 1 w 85"/>
                    <a:gd name="T15" fmla="*/ 0 h 199"/>
                    <a:gd name="T16" fmla="*/ 1 w 85"/>
                    <a:gd name="T17" fmla="*/ 0 h 199"/>
                    <a:gd name="T18" fmla="*/ 1 w 85"/>
                    <a:gd name="T19" fmla="*/ 0 h 199"/>
                    <a:gd name="T20" fmla="*/ 1 w 85"/>
                    <a:gd name="T21" fmla="*/ 0 h 199"/>
                    <a:gd name="T22" fmla="*/ 1 w 85"/>
                    <a:gd name="T23" fmla="*/ 0 h 199"/>
                    <a:gd name="T24" fmla="*/ 1 w 85"/>
                    <a:gd name="T25" fmla="*/ 0 h 199"/>
                    <a:gd name="T26" fmla="*/ 1 w 85"/>
                    <a:gd name="T27" fmla="*/ 0 h 199"/>
                    <a:gd name="T28" fmla="*/ 1 w 85"/>
                    <a:gd name="T29" fmla="*/ 0 h 199"/>
                    <a:gd name="T30" fmla="*/ 1 w 85"/>
                    <a:gd name="T31" fmla="*/ 0 h 199"/>
                    <a:gd name="T32" fmla="*/ 1 w 85"/>
                    <a:gd name="T33" fmla="*/ 0 h 199"/>
                    <a:gd name="T34" fmla="*/ 1 w 85"/>
                    <a:gd name="T35" fmla="*/ 0 h 199"/>
                    <a:gd name="T36" fmla="*/ 1 w 85"/>
                    <a:gd name="T37" fmla="*/ 0 h 199"/>
                    <a:gd name="T38" fmla="*/ 1 w 85"/>
                    <a:gd name="T39" fmla="*/ 0 h 199"/>
                    <a:gd name="T40" fmla="*/ 1 w 85"/>
                    <a:gd name="T41" fmla="*/ 0 h 199"/>
                    <a:gd name="T42" fmla="*/ 1 w 85"/>
                    <a:gd name="T43" fmla="*/ 0 h 199"/>
                    <a:gd name="T44" fmla="*/ 1 w 85"/>
                    <a:gd name="T45" fmla="*/ 0 h 199"/>
                    <a:gd name="T46" fmla="*/ 1 w 85"/>
                    <a:gd name="T47" fmla="*/ 0 h 199"/>
                    <a:gd name="T48" fmla="*/ 1 w 85"/>
                    <a:gd name="T49" fmla="*/ 0 h 199"/>
                    <a:gd name="T50" fmla="*/ 1 w 85"/>
                    <a:gd name="T51" fmla="*/ 0 h 199"/>
                    <a:gd name="T52" fmla="*/ 1 w 85"/>
                    <a:gd name="T53" fmla="*/ 0 h 199"/>
                    <a:gd name="T54" fmla="*/ 1 w 85"/>
                    <a:gd name="T55" fmla="*/ 0 h 199"/>
                    <a:gd name="T56" fmla="*/ 1 w 85"/>
                    <a:gd name="T57" fmla="*/ 0 h 199"/>
                    <a:gd name="T58" fmla="*/ 1 w 85"/>
                    <a:gd name="T59" fmla="*/ 0 h 199"/>
                    <a:gd name="T60" fmla="*/ 1 w 85"/>
                    <a:gd name="T61" fmla="*/ 0 h 199"/>
                    <a:gd name="T62" fmla="*/ 1 w 85"/>
                    <a:gd name="T63" fmla="*/ 0 h 199"/>
                    <a:gd name="T64" fmla="*/ 1 w 85"/>
                    <a:gd name="T65" fmla="*/ 0 h 199"/>
                    <a:gd name="T66" fmla="*/ 1 w 85"/>
                    <a:gd name="T67" fmla="*/ 0 h 199"/>
                    <a:gd name="T68" fmla="*/ 1 w 85"/>
                    <a:gd name="T69" fmla="*/ 0 h 199"/>
                    <a:gd name="T70" fmla="*/ 1 w 85"/>
                    <a:gd name="T71" fmla="*/ 0 h 199"/>
                    <a:gd name="T72" fmla="*/ 1 w 85"/>
                    <a:gd name="T73" fmla="*/ 0 h 199"/>
                    <a:gd name="T74" fmla="*/ 1 w 85"/>
                    <a:gd name="T75" fmla="*/ 0 h 199"/>
                    <a:gd name="T76" fmla="*/ 1 w 85"/>
                    <a:gd name="T77" fmla="*/ 0 h 199"/>
                    <a:gd name="T78" fmla="*/ 1 w 85"/>
                    <a:gd name="T79" fmla="*/ 0 h 199"/>
                    <a:gd name="T80" fmla="*/ 1 w 85"/>
                    <a:gd name="T81" fmla="*/ 0 h 199"/>
                    <a:gd name="T82" fmla="*/ 1 w 85"/>
                    <a:gd name="T83" fmla="*/ 0 h 199"/>
                    <a:gd name="T84" fmla="*/ 1 w 85"/>
                    <a:gd name="T85" fmla="*/ 0 h 199"/>
                    <a:gd name="T86" fmla="*/ 1 w 85"/>
                    <a:gd name="T87" fmla="*/ 0 h 199"/>
                    <a:gd name="T88" fmla="*/ 1 w 85"/>
                    <a:gd name="T89" fmla="*/ 0 h 199"/>
                    <a:gd name="T90" fmla="*/ 1 w 85"/>
                    <a:gd name="T91" fmla="*/ 0 h 199"/>
                    <a:gd name="T92" fmla="*/ 1 w 85"/>
                    <a:gd name="T93" fmla="*/ 0 h 199"/>
                    <a:gd name="T94" fmla="*/ 1 w 85"/>
                    <a:gd name="T95" fmla="*/ 0 h 199"/>
                    <a:gd name="T96" fmla="*/ 1 w 85"/>
                    <a:gd name="T97" fmla="*/ 0 h 199"/>
                    <a:gd name="T98" fmla="*/ 1 w 85"/>
                    <a:gd name="T99" fmla="*/ 0 h 199"/>
                    <a:gd name="T100" fmla="*/ 1 w 85"/>
                    <a:gd name="T101" fmla="*/ 0 h 199"/>
                    <a:gd name="T102" fmla="*/ 1 w 85"/>
                    <a:gd name="T103" fmla="*/ 0 h 199"/>
                    <a:gd name="T104" fmla="*/ 1 w 85"/>
                    <a:gd name="T105" fmla="*/ 0 h 199"/>
                    <a:gd name="T106" fmla="*/ 1 w 85"/>
                    <a:gd name="T107" fmla="*/ 0 h 199"/>
                    <a:gd name="T108" fmla="*/ 1 w 85"/>
                    <a:gd name="T109" fmla="*/ 0 h 199"/>
                    <a:gd name="T110" fmla="*/ 1 w 85"/>
                    <a:gd name="T111" fmla="*/ 0 h 199"/>
                    <a:gd name="T112" fmla="*/ 1 w 85"/>
                    <a:gd name="T113" fmla="*/ 0 h 199"/>
                    <a:gd name="T114" fmla="*/ 0 w 85"/>
                    <a:gd name="T115" fmla="*/ 0 h 199"/>
                    <a:gd name="T116" fmla="*/ 1 w 85"/>
                    <a:gd name="T117" fmla="*/ 0 h 199"/>
                    <a:gd name="T118" fmla="*/ 1 w 85"/>
                    <a:gd name="T119" fmla="*/ 0 h 199"/>
                    <a:gd name="T120" fmla="*/ 1 w 85"/>
                    <a:gd name="T121" fmla="*/ 0 h 199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  <a:gd name="T177" fmla="*/ 0 60000 65536"/>
                    <a:gd name="T178" fmla="*/ 0 60000 65536"/>
                    <a:gd name="T179" fmla="*/ 0 60000 65536"/>
                    <a:gd name="T180" fmla="*/ 0 60000 65536"/>
                    <a:gd name="T181" fmla="*/ 0 60000 65536"/>
                    <a:gd name="T182" fmla="*/ 0 60000 65536"/>
                  </a:gdLst>
                  <a:ahLst/>
                  <a:cxnLst>
                    <a:cxn ang="T122">
                      <a:pos x="T0" y="T1"/>
                    </a:cxn>
                    <a:cxn ang="T123">
                      <a:pos x="T2" y="T3"/>
                    </a:cxn>
                    <a:cxn ang="T124">
                      <a:pos x="T4" y="T5"/>
                    </a:cxn>
                    <a:cxn ang="T125">
                      <a:pos x="T6" y="T7"/>
                    </a:cxn>
                    <a:cxn ang="T126">
                      <a:pos x="T8" y="T9"/>
                    </a:cxn>
                    <a:cxn ang="T127">
                      <a:pos x="T10" y="T11"/>
                    </a:cxn>
                    <a:cxn ang="T128">
                      <a:pos x="T12" y="T13"/>
                    </a:cxn>
                    <a:cxn ang="T129">
                      <a:pos x="T14" y="T15"/>
                    </a:cxn>
                    <a:cxn ang="T130">
                      <a:pos x="T16" y="T17"/>
                    </a:cxn>
                    <a:cxn ang="T131">
                      <a:pos x="T18" y="T19"/>
                    </a:cxn>
                    <a:cxn ang="T132">
                      <a:pos x="T20" y="T21"/>
                    </a:cxn>
                    <a:cxn ang="T133">
                      <a:pos x="T22" y="T23"/>
                    </a:cxn>
                    <a:cxn ang="T134">
                      <a:pos x="T24" y="T25"/>
                    </a:cxn>
                    <a:cxn ang="T135">
                      <a:pos x="T26" y="T27"/>
                    </a:cxn>
                    <a:cxn ang="T136">
                      <a:pos x="T28" y="T29"/>
                    </a:cxn>
                    <a:cxn ang="T137">
                      <a:pos x="T30" y="T31"/>
                    </a:cxn>
                    <a:cxn ang="T138">
                      <a:pos x="T32" y="T33"/>
                    </a:cxn>
                    <a:cxn ang="T139">
                      <a:pos x="T34" y="T35"/>
                    </a:cxn>
                    <a:cxn ang="T140">
                      <a:pos x="T36" y="T37"/>
                    </a:cxn>
                    <a:cxn ang="T141">
                      <a:pos x="T38" y="T39"/>
                    </a:cxn>
                    <a:cxn ang="T142">
                      <a:pos x="T40" y="T41"/>
                    </a:cxn>
                    <a:cxn ang="T143">
                      <a:pos x="T42" y="T43"/>
                    </a:cxn>
                    <a:cxn ang="T144">
                      <a:pos x="T44" y="T45"/>
                    </a:cxn>
                    <a:cxn ang="T145">
                      <a:pos x="T46" y="T47"/>
                    </a:cxn>
                    <a:cxn ang="T146">
                      <a:pos x="T48" y="T49"/>
                    </a:cxn>
                    <a:cxn ang="T147">
                      <a:pos x="T50" y="T51"/>
                    </a:cxn>
                    <a:cxn ang="T148">
                      <a:pos x="T52" y="T53"/>
                    </a:cxn>
                    <a:cxn ang="T149">
                      <a:pos x="T54" y="T55"/>
                    </a:cxn>
                    <a:cxn ang="T150">
                      <a:pos x="T56" y="T57"/>
                    </a:cxn>
                    <a:cxn ang="T151">
                      <a:pos x="T58" y="T59"/>
                    </a:cxn>
                    <a:cxn ang="T152">
                      <a:pos x="T60" y="T61"/>
                    </a:cxn>
                    <a:cxn ang="T153">
                      <a:pos x="T62" y="T63"/>
                    </a:cxn>
                    <a:cxn ang="T154">
                      <a:pos x="T64" y="T65"/>
                    </a:cxn>
                    <a:cxn ang="T155">
                      <a:pos x="T66" y="T67"/>
                    </a:cxn>
                    <a:cxn ang="T156">
                      <a:pos x="T68" y="T69"/>
                    </a:cxn>
                    <a:cxn ang="T157">
                      <a:pos x="T70" y="T71"/>
                    </a:cxn>
                    <a:cxn ang="T158">
                      <a:pos x="T72" y="T73"/>
                    </a:cxn>
                    <a:cxn ang="T159">
                      <a:pos x="T74" y="T75"/>
                    </a:cxn>
                    <a:cxn ang="T160">
                      <a:pos x="T76" y="T77"/>
                    </a:cxn>
                    <a:cxn ang="T161">
                      <a:pos x="T78" y="T79"/>
                    </a:cxn>
                    <a:cxn ang="T162">
                      <a:pos x="T80" y="T81"/>
                    </a:cxn>
                    <a:cxn ang="T163">
                      <a:pos x="T82" y="T83"/>
                    </a:cxn>
                    <a:cxn ang="T164">
                      <a:pos x="T84" y="T85"/>
                    </a:cxn>
                    <a:cxn ang="T165">
                      <a:pos x="T86" y="T87"/>
                    </a:cxn>
                    <a:cxn ang="T166">
                      <a:pos x="T88" y="T89"/>
                    </a:cxn>
                    <a:cxn ang="T167">
                      <a:pos x="T90" y="T91"/>
                    </a:cxn>
                    <a:cxn ang="T168">
                      <a:pos x="T92" y="T93"/>
                    </a:cxn>
                    <a:cxn ang="T169">
                      <a:pos x="T94" y="T95"/>
                    </a:cxn>
                    <a:cxn ang="T170">
                      <a:pos x="T96" y="T97"/>
                    </a:cxn>
                    <a:cxn ang="T171">
                      <a:pos x="T98" y="T99"/>
                    </a:cxn>
                    <a:cxn ang="T172">
                      <a:pos x="T100" y="T101"/>
                    </a:cxn>
                    <a:cxn ang="T173">
                      <a:pos x="T102" y="T103"/>
                    </a:cxn>
                    <a:cxn ang="T174">
                      <a:pos x="T104" y="T105"/>
                    </a:cxn>
                    <a:cxn ang="T175">
                      <a:pos x="T106" y="T107"/>
                    </a:cxn>
                    <a:cxn ang="T176">
                      <a:pos x="T108" y="T109"/>
                    </a:cxn>
                    <a:cxn ang="T177">
                      <a:pos x="T110" y="T111"/>
                    </a:cxn>
                    <a:cxn ang="T178">
                      <a:pos x="T112" y="T113"/>
                    </a:cxn>
                    <a:cxn ang="T179">
                      <a:pos x="T114" y="T115"/>
                    </a:cxn>
                    <a:cxn ang="T180">
                      <a:pos x="T116" y="T117"/>
                    </a:cxn>
                    <a:cxn ang="T181">
                      <a:pos x="T118" y="T119"/>
                    </a:cxn>
                    <a:cxn ang="T182">
                      <a:pos x="T120" y="T121"/>
                    </a:cxn>
                  </a:cxnLst>
                  <a:rect l="0" t="0" r="r" b="b"/>
                  <a:pathLst>
                    <a:path w="85" h="199">
                      <a:moveTo>
                        <a:pt x="82" y="51"/>
                      </a:moveTo>
                      <a:lnTo>
                        <a:pt x="82" y="81"/>
                      </a:lnTo>
                      <a:lnTo>
                        <a:pt x="56" y="81"/>
                      </a:lnTo>
                      <a:lnTo>
                        <a:pt x="56" y="139"/>
                      </a:lnTo>
                      <a:lnTo>
                        <a:pt x="56" y="142"/>
                      </a:lnTo>
                      <a:lnTo>
                        <a:pt x="56" y="144"/>
                      </a:lnTo>
                      <a:lnTo>
                        <a:pt x="56" y="147"/>
                      </a:lnTo>
                      <a:lnTo>
                        <a:pt x="56" y="150"/>
                      </a:lnTo>
                      <a:lnTo>
                        <a:pt x="56" y="152"/>
                      </a:lnTo>
                      <a:lnTo>
                        <a:pt x="56" y="153"/>
                      </a:lnTo>
                      <a:lnTo>
                        <a:pt x="56" y="155"/>
                      </a:lnTo>
                      <a:lnTo>
                        <a:pt x="56" y="156"/>
                      </a:lnTo>
                      <a:lnTo>
                        <a:pt x="56" y="157"/>
                      </a:lnTo>
                      <a:lnTo>
                        <a:pt x="56" y="159"/>
                      </a:lnTo>
                      <a:lnTo>
                        <a:pt x="56" y="160"/>
                      </a:lnTo>
                      <a:lnTo>
                        <a:pt x="57" y="161"/>
                      </a:lnTo>
                      <a:lnTo>
                        <a:pt x="57" y="162"/>
                      </a:lnTo>
                      <a:lnTo>
                        <a:pt x="57" y="163"/>
                      </a:lnTo>
                      <a:lnTo>
                        <a:pt x="58" y="163"/>
                      </a:lnTo>
                      <a:lnTo>
                        <a:pt x="58" y="164"/>
                      </a:lnTo>
                      <a:lnTo>
                        <a:pt x="59" y="164"/>
                      </a:lnTo>
                      <a:lnTo>
                        <a:pt x="61" y="165"/>
                      </a:lnTo>
                      <a:lnTo>
                        <a:pt x="62" y="165"/>
                      </a:lnTo>
                      <a:lnTo>
                        <a:pt x="63" y="165"/>
                      </a:lnTo>
                      <a:lnTo>
                        <a:pt x="64" y="165"/>
                      </a:lnTo>
                      <a:lnTo>
                        <a:pt x="65" y="165"/>
                      </a:lnTo>
                      <a:lnTo>
                        <a:pt x="66" y="166"/>
                      </a:lnTo>
                      <a:lnTo>
                        <a:pt x="66" y="165"/>
                      </a:lnTo>
                      <a:lnTo>
                        <a:pt x="67" y="165"/>
                      </a:lnTo>
                      <a:lnTo>
                        <a:pt x="68" y="165"/>
                      </a:lnTo>
                      <a:lnTo>
                        <a:pt x="70" y="165"/>
                      </a:lnTo>
                      <a:lnTo>
                        <a:pt x="71" y="165"/>
                      </a:lnTo>
                      <a:lnTo>
                        <a:pt x="73" y="165"/>
                      </a:lnTo>
                      <a:lnTo>
                        <a:pt x="74" y="164"/>
                      </a:lnTo>
                      <a:lnTo>
                        <a:pt x="75" y="164"/>
                      </a:lnTo>
                      <a:lnTo>
                        <a:pt x="76" y="164"/>
                      </a:lnTo>
                      <a:lnTo>
                        <a:pt x="78" y="163"/>
                      </a:lnTo>
                      <a:lnTo>
                        <a:pt x="80" y="163"/>
                      </a:lnTo>
                      <a:lnTo>
                        <a:pt x="82" y="163"/>
                      </a:lnTo>
                      <a:lnTo>
                        <a:pt x="85" y="193"/>
                      </a:lnTo>
                      <a:lnTo>
                        <a:pt x="82" y="193"/>
                      </a:lnTo>
                      <a:lnTo>
                        <a:pt x="80" y="194"/>
                      </a:lnTo>
                      <a:lnTo>
                        <a:pt x="77" y="195"/>
                      </a:lnTo>
                      <a:lnTo>
                        <a:pt x="75" y="195"/>
                      </a:lnTo>
                      <a:lnTo>
                        <a:pt x="73" y="197"/>
                      </a:lnTo>
                      <a:lnTo>
                        <a:pt x="71" y="197"/>
                      </a:lnTo>
                      <a:lnTo>
                        <a:pt x="67" y="198"/>
                      </a:lnTo>
                      <a:lnTo>
                        <a:pt x="65" y="198"/>
                      </a:lnTo>
                      <a:lnTo>
                        <a:pt x="63" y="198"/>
                      </a:lnTo>
                      <a:lnTo>
                        <a:pt x="59" y="198"/>
                      </a:lnTo>
                      <a:lnTo>
                        <a:pt x="57" y="198"/>
                      </a:lnTo>
                      <a:lnTo>
                        <a:pt x="55" y="199"/>
                      </a:lnTo>
                      <a:lnTo>
                        <a:pt x="53" y="198"/>
                      </a:lnTo>
                      <a:lnTo>
                        <a:pt x="52" y="198"/>
                      </a:lnTo>
                      <a:lnTo>
                        <a:pt x="49" y="198"/>
                      </a:lnTo>
                      <a:lnTo>
                        <a:pt x="48" y="198"/>
                      </a:lnTo>
                      <a:lnTo>
                        <a:pt x="46" y="198"/>
                      </a:lnTo>
                      <a:lnTo>
                        <a:pt x="45" y="198"/>
                      </a:lnTo>
                      <a:lnTo>
                        <a:pt x="43" y="197"/>
                      </a:lnTo>
                      <a:lnTo>
                        <a:pt x="42" y="197"/>
                      </a:lnTo>
                      <a:lnTo>
                        <a:pt x="40" y="197"/>
                      </a:lnTo>
                      <a:lnTo>
                        <a:pt x="38" y="195"/>
                      </a:lnTo>
                      <a:lnTo>
                        <a:pt x="37" y="195"/>
                      </a:lnTo>
                      <a:lnTo>
                        <a:pt x="36" y="195"/>
                      </a:lnTo>
                      <a:lnTo>
                        <a:pt x="34" y="194"/>
                      </a:lnTo>
                      <a:lnTo>
                        <a:pt x="33" y="193"/>
                      </a:lnTo>
                      <a:lnTo>
                        <a:pt x="32" y="193"/>
                      </a:lnTo>
                      <a:lnTo>
                        <a:pt x="30" y="192"/>
                      </a:lnTo>
                      <a:lnTo>
                        <a:pt x="29" y="192"/>
                      </a:lnTo>
                      <a:lnTo>
                        <a:pt x="28" y="191"/>
                      </a:lnTo>
                      <a:lnTo>
                        <a:pt x="28" y="190"/>
                      </a:lnTo>
                      <a:lnTo>
                        <a:pt x="27" y="190"/>
                      </a:lnTo>
                      <a:lnTo>
                        <a:pt x="26" y="189"/>
                      </a:lnTo>
                      <a:lnTo>
                        <a:pt x="26" y="188"/>
                      </a:lnTo>
                      <a:lnTo>
                        <a:pt x="25" y="186"/>
                      </a:lnTo>
                      <a:lnTo>
                        <a:pt x="24" y="185"/>
                      </a:lnTo>
                      <a:lnTo>
                        <a:pt x="23" y="184"/>
                      </a:lnTo>
                      <a:lnTo>
                        <a:pt x="23" y="183"/>
                      </a:lnTo>
                      <a:lnTo>
                        <a:pt x="21" y="182"/>
                      </a:lnTo>
                      <a:lnTo>
                        <a:pt x="21" y="181"/>
                      </a:lnTo>
                      <a:lnTo>
                        <a:pt x="20" y="179"/>
                      </a:lnTo>
                      <a:lnTo>
                        <a:pt x="20" y="178"/>
                      </a:lnTo>
                      <a:lnTo>
                        <a:pt x="19" y="176"/>
                      </a:lnTo>
                      <a:lnTo>
                        <a:pt x="19" y="175"/>
                      </a:lnTo>
                      <a:lnTo>
                        <a:pt x="19" y="173"/>
                      </a:lnTo>
                      <a:lnTo>
                        <a:pt x="19" y="172"/>
                      </a:lnTo>
                      <a:lnTo>
                        <a:pt x="19" y="171"/>
                      </a:lnTo>
                      <a:lnTo>
                        <a:pt x="18" y="169"/>
                      </a:lnTo>
                      <a:lnTo>
                        <a:pt x="18" y="167"/>
                      </a:lnTo>
                      <a:lnTo>
                        <a:pt x="18" y="166"/>
                      </a:lnTo>
                      <a:lnTo>
                        <a:pt x="18" y="164"/>
                      </a:lnTo>
                      <a:lnTo>
                        <a:pt x="18" y="162"/>
                      </a:lnTo>
                      <a:lnTo>
                        <a:pt x="18" y="160"/>
                      </a:lnTo>
                      <a:lnTo>
                        <a:pt x="18" y="157"/>
                      </a:lnTo>
                      <a:lnTo>
                        <a:pt x="18" y="155"/>
                      </a:lnTo>
                      <a:lnTo>
                        <a:pt x="18" y="153"/>
                      </a:lnTo>
                      <a:lnTo>
                        <a:pt x="18" y="150"/>
                      </a:lnTo>
                      <a:lnTo>
                        <a:pt x="18" y="146"/>
                      </a:lnTo>
                      <a:lnTo>
                        <a:pt x="18" y="144"/>
                      </a:lnTo>
                      <a:lnTo>
                        <a:pt x="18" y="81"/>
                      </a:lnTo>
                      <a:lnTo>
                        <a:pt x="0" y="81"/>
                      </a:lnTo>
                      <a:lnTo>
                        <a:pt x="0" y="51"/>
                      </a:lnTo>
                      <a:lnTo>
                        <a:pt x="18" y="51"/>
                      </a:lnTo>
                      <a:lnTo>
                        <a:pt x="18" y="22"/>
                      </a:lnTo>
                      <a:lnTo>
                        <a:pt x="56" y="0"/>
                      </a:lnTo>
                      <a:lnTo>
                        <a:pt x="56" y="51"/>
                      </a:lnTo>
                      <a:lnTo>
                        <a:pt x="82" y="51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5" name="Freeform 22">
                  <a:extLst>
                    <a:ext uri="{FF2B5EF4-FFF2-40B4-BE49-F238E27FC236}">
                      <a16:creationId xmlns:a16="http://schemas.microsoft.com/office/drawing/2014/main" id="{F4EE8054-C2AF-4D42-AB2F-B19C0864FCCE}"/>
                    </a:ext>
                  </a:extLst>
                </p:cNvPr>
                <p:cNvSpPr>
                  <a:spLocks noEditPoints="1"/>
                </p:cNvSpPr>
                <p:nvPr/>
              </p:nvSpPr>
              <p:spPr bwMode="auto">
                <a:xfrm>
                  <a:off x="2464" y="3730"/>
                  <a:ext cx="74" cy="75"/>
                </a:xfrm>
                <a:custGeom>
                  <a:avLst/>
                  <a:gdLst>
                    <a:gd name="T0" fmla="*/ 0 w 148"/>
                    <a:gd name="T1" fmla="*/ 0 h 151"/>
                    <a:gd name="T2" fmla="*/ 1 w 148"/>
                    <a:gd name="T3" fmla="*/ 0 h 151"/>
                    <a:gd name="T4" fmla="*/ 1 w 148"/>
                    <a:gd name="T5" fmla="*/ 0 h 151"/>
                    <a:gd name="T6" fmla="*/ 1 w 148"/>
                    <a:gd name="T7" fmla="*/ 0 h 151"/>
                    <a:gd name="T8" fmla="*/ 1 w 148"/>
                    <a:gd name="T9" fmla="*/ 0 h 151"/>
                    <a:gd name="T10" fmla="*/ 1 w 148"/>
                    <a:gd name="T11" fmla="*/ 0 h 151"/>
                    <a:gd name="T12" fmla="*/ 1 w 148"/>
                    <a:gd name="T13" fmla="*/ 0 h 151"/>
                    <a:gd name="T14" fmla="*/ 1 w 148"/>
                    <a:gd name="T15" fmla="*/ 0 h 151"/>
                    <a:gd name="T16" fmla="*/ 1 w 148"/>
                    <a:gd name="T17" fmla="*/ 0 h 151"/>
                    <a:gd name="T18" fmla="*/ 1 w 148"/>
                    <a:gd name="T19" fmla="*/ 0 h 151"/>
                    <a:gd name="T20" fmla="*/ 1 w 148"/>
                    <a:gd name="T21" fmla="*/ 0 h 151"/>
                    <a:gd name="T22" fmla="*/ 1 w 148"/>
                    <a:gd name="T23" fmla="*/ 0 h 151"/>
                    <a:gd name="T24" fmla="*/ 1 w 148"/>
                    <a:gd name="T25" fmla="*/ 0 h 151"/>
                    <a:gd name="T26" fmla="*/ 1 w 148"/>
                    <a:gd name="T27" fmla="*/ 0 h 151"/>
                    <a:gd name="T28" fmla="*/ 1 w 148"/>
                    <a:gd name="T29" fmla="*/ 0 h 151"/>
                    <a:gd name="T30" fmla="*/ 1 w 148"/>
                    <a:gd name="T31" fmla="*/ 0 h 151"/>
                    <a:gd name="T32" fmla="*/ 1 w 148"/>
                    <a:gd name="T33" fmla="*/ 0 h 151"/>
                    <a:gd name="T34" fmla="*/ 1 w 148"/>
                    <a:gd name="T35" fmla="*/ 0 h 151"/>
                    <a:gd name="T36" fmla="*/ 1 w 148"/>
                    <a:gd name="T37" fmla="*/ 0 h 151"/>
                    <a:gd name="T38" fmla="*/ 1 w 148"/>
                    <a:gd name="T39" fmla="*/ 0 h 151"/>
                    <a:gd name="T40" fmla="*/ 1 w 148"/>
                    <a:gd name="T41" fmla="*/ 0 h 151"/>
                    <a:gd name="T42" fmla="*/ 1 w 148"/>
                    <a:gd name="T43" fmla="*/ 0 h 151"/>
                    <a:gd name="T44" fmla="*/ 1 w 148"/>
                    <a:gd name="T45" fmla="*/ 0 h 151"/>
                    <a:gd name="T46" fmla="*/ 1 w 148"/>
                    <a:gd name="T47" fmla="*/ 0 h 151"/>
                    <a:gd name="T48" fmla="*/ 1 w 148"/>
                    <a:gd name="T49" fmla="*/ 0 h 151"/>
                    <a:gd name="T50" fmla="*/ 1 w 148"/>
                    <a:gd name="T51" fmla="*/ 0 h 151"/>
                    <a:gd name="T52" fmla="*/ 1 w 148"/>
                    <a:gd name="T53" fmla="*/ 0 h 151"/>
                    <a:gd name="T54" fmla="*/ 1 w 148"/>
                    <a:gd name="T55" fmla="*/ 0 h 151"/>
                    <a:gd name="T56" fmla="*/ 1 w 148"/>
                    <a:gd name="T57" fmla="*/ 0 h 151"/>
                    <a:gd name="T58" fmla="*/ 0 w 148"/>
                    <a:gd name="T59" fmla="*/ 0 h 151"/>
                    <a:gd name="T60" fmla="*/ 1 w 148"/>
                    <a:gd name="T61" fmla="*/ 0 h 151"/>
                    <a:gd name="T62" fmla="*/ 1 w 148"/>
                    <a:gd name="T63" fmla="*/ 0 h 151"/>
                    <a:gd name="T64" fmla="*/ 1 w 148"/>
                    <a:gd name="T65" fmla="*/ 0 h 151"/>
                    <a:gd name="T66" fmla="*/ 1 w 148"/>
                    <a:gd name="T67" fmla="*/ 0 h 151"/>
                    <a:gd name="T68" fmla="*/ 1 w 148"/>
                    <a:gd name="T69" fmla="*/ 0 h 151"/>
                    <a:gd name="T70" fmla="*/ 1 w 148"/>
                    <a:gd name="T71" fmla="*/ 0 h 151"/>
                    <a:gd name="T72" fmla="*/ 1 w 148"/>
                    <a:gd name="T73" fmla="*/ 0 h 151"/>
                    <a:gd name="T74" fmla="*/ 1 w 148"/>
                    <a:gd name="T75" fmla="*/ 0 h 151"/>
                    <a:gd name="T76" fmla="*/ 1 w 148"/>
                    <a:gd name="T77" fmla="*/ 0 h 151"/>
                    <a:gd name="T78" fmla="*/ 1 w 148"/>
                    <a:gd name="T79" fmla="*/ 0 h 151"/>
                    <a:gd name="T80" fmla="*/ 1 w 148"/>
                    <a:gd name="T81" fmla="*/ 0 h 151"/>
                    <a:gd name="T82" fmla="*/ 1 w 148"/>
                    <a:gd name="T83" fmla="*/ 0 h 151"/>
                    <a:gd name="T84" fmla="*/ 1 w 148"/>
                    <a:gd name="T85" fmla="*/ 0 h 151"/>
                    <a:gd name="T86" fmla="*/ 1 w 148"/>
                    <a:gd name="T87" fmla="*/ 0 h 151"/>
                    <a:gd name="T88" fmla="*/ 1 w 148"/>
                    <a:gd name="T89" fmla="*/ 0 h 151"/>
                    <a:gd name="T90" fmla="*/ 1 w 148"/>
                    <a:gd name="T91" fmla="*/ 0 h 151"/>
                    <a:gd name="T92" fmla="*/ 1 w 148"/>
                    <a:gd name="T93" fmla="*/ 0 h 151"/>
                    <a:gd name="T94" fmla="*/ 1 w 148"/>
                    <a:gd name="T95" fmla="*/ 0 h 151"/>
                    <a:gd name="T96" fmla="*/ 1 w 148"/>
                    <a:gd name="T97" fmla="*/ 0 h 151"/>
                    <a:gd name="T98" fmla="*/ 1 w 148"/>
                    <a:gd name="T99" fmla="*/ 0 h 151"/>
                    <a:gd name="T100" fmla="*/ 1 w 148"/>
                    <a:gd name="T101" fmla="*/ 0 h 151"/>
                    <a:gd name="T102" fmla="*/ 1 w 148"/>
                    <a:gd name="T103" fmla="*/ 0 h 151"/>
                    <a:gd name="T104" fmla="*/ 1 w 148"/>
                    <a:gd name="T105" fmla="*/ 0 h 151"/>
                    <a:gd name="T106" fmla="*/ 1 w 148"/>
                    <a:gd name="T107" fmla="*/ 0 h 151"/>
                    <a:gd name="T108" fmla="*/ 1 w 148"/>
                    <a:gd name="T109" fmla="*/ 0 h 151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</a:gdLst>
                  <a:ahLst/>
                  <a:cxnLst>
                    <a:cxn ang="T110">
                      <a:pos x="T0" y="T1"/>
                    </a:cxn>
                    <a:cxn ang="T111">
                      <a:pos x="T2" y="T3"/>
                    </a:cxn>
                    <a:cxn ang="T112">
                      <a:pos x="T4" y="T5"/>
                    </a:cxn>
                    <a:cxn ang="T113">
                      <a:pos x="T6" y="T7"/>
                    </a:cxn>
                    <a:cxn ang="T114">
                      <a:pos x="T8" y="T9"/>
                    </a:cxn>
                    <a:cxn ang="T115">
                      <a:pos x="T10" y="T11"/>
                    </a:cxn>
                    <a:cxn ang="T116">
                      <a:pos x="T12" y="T13"/>
                    </a:cxn>
                    <a:cxn ang="T117">
                      <a:pos x="T14" y="T15"/>
                    </a:cxn>
                    <a:cxn ang="T118">
                      <a:pos x="T16" y="T17"/>
                    </a:cxn>
                    <a:cxn ang="T119">
                      <a:pos x="T18" y="T19"/>
                    </a:cxn>
                    <a:cxn ang="T120">
                      <a:pos x="T20" y="T21"/>
                    </a:cxn>
                    <a:cxn ang="T121">
                      <a:pos x="T22" y="T23"/>
                    </a:cxn>
                    <a:cxn ang="T122">
                      <a:pos x="T24" y="T25"/>
                    </a:cxn>
                    <a:cxn ang="T123">
                      <a:pos x="T26" y="T27"/>
                    </a:cxn>
                    <a:cxn ang="T124">
                      <a:pos x="T28" y="T29"/>
                    </a:cxn>
                    <a:cxn ang="T125">
                      <a:pos x="T30" y="T31"/>
                    </a:cxn>
                    <a:cxn ang="T126">
                      <a:pos x="T32" y="T33"/>
                    </a:cxn>
                    <a:cxn ang="T127">
                      <a:pos x="T34" y="T35"/>
                    </a:cxn>
                    <a:cxn ang="T128">
                      <a:pos x="T36" y="T37"/>
                    </a:cxn>
                    <a:cxn ang="T129">
                      <a:pos x="T38" y="T39"/>
                    </a:cxn>
                    <a:cxn ang="T130">
                      <a:pos x="T40" y="T41"/>
                    </a:cxn>
                    <a:cxn ang="T131">
                      <a:pos x="T42" y="T43"/>
                    </a:cxn>
                    <a:cxn ang="T132">
                      <a:pos x="T44" y="T45"/>
                    </a:cxn>
                    <a:cxn ang="T133">
                      <a:pos x="T46" y="T47"/>
                    </a:cxn>
                    <a:cxn ang="T134">
                      <a:pos x="T48" y="T49"/>
                    </a:cxn>
                    <a:cxn ang="T135">
                      <a:pos x="T50" y="T51"/>
                    </a:cxn>
                    <a:cxn ang="T136">
                      <a:pos x="T52" y="T53"/>
                    </a:cxn>
                    <a:cxn ang="T137">
                      <a:pos x="T54" y="T55"/>
                    </a:cxn>
                    <a:cxn ang="T138">
                      <a:pos x="T56" y="T57"/>
                    </a:cxn>
                    <a:cxn ang="T139">
                      <a:pos x="T58" y="T59"/>
                    </a:cxn>
                    <a:cxn ang="T140">
                      <a:pos x="T60" y="T61"/>
                    </a:cxn>
                    <a:cxn ang="T141">
                      <a:pos x="T62" y="T63"/>
                    </a:cxn>
                    <a:cxn ang="T142">
                      <a:pos x="T64" y="T65"/>
                    </a:cxn>
                    <a:cxn ang="T143">
                      <a:pos x="T66" y="T67"/>
                    </a:cxn>
                    <a:cxn ang="T144">
                      <a:pos x="T68" y="T69"/>
                    </a:cxn>
                    <a:cxn ang="T145">
                      <a:pos x="T70" y="T71"/>
                    </a:cxn>
                    <a:cxn ang="T146">
                      <a:pos x="T72" y="T73"/>
                    </a:cxn>
                    <a:cxn ang="T147">
                      <a:pos x="T74" y="T75"/>
                    </a:cxn>
                    <a:cxn ang="T148">
                      <a:pos x="T76" y="T77"/>
                    </a:cxn>
                    <a:cxn ang="T149">
                      <a:pos x="T78" y="T79"/>
                    </a:cxn>
                    <a:cxn ang="T150">
                      <a:pos x="T80" y="T81"/>
                    </a:cxn>
                    <a:cxn ang="T151">
                      <a:pos x="T82" y="T83"/>
                    </a:cxn>
                    <a:cxn ang="T152">
                      <a:pos x="T84" y="T85"/>
                    </a:cxn>
                    <a:cxn ang="T153">
                      <a:pos x="T86" y="T87"/>
                    </a:cxn>
                    <a:cxn ang="T154">
                      <a:pos x="T88" y="T89"/>
                    </a:cxn>
                    <a:cxn ang="T155">
                      <a:pos x="T90" y="T91"/>
                    </a:cxn>
                    <a:cxn ang="T156">
                      <a:pos x="T92" y="T93"/>
                    </a:cxn>
                    <a:cxn ang="T157">
                      <a:pos x="T94" y="T95"/>
                    </a:cxn>
                    <a:cxn ang="T158">
                      <a:pos x="T96" y="T97"/>
                    </a:cxn>
                    <a:cxn ang="T159">
                      <a:pos x="T98" y="T99"/>
                    </a:cxn>
                    <a:cxn ang="T160">
                      <a:pos x="T100" y="T101"/>
                    </a:cxn>
                    <a:cxn ang="T161">
                      <a:pos x="T102" y="T103"/>
                    </a:cxn>
                    <a:cxn ang="T162">
                      <a:pos x="T104" y="T105"/>
                    </a:cxn>
                    <a:cxn ang="T163">
                      <a:pos x="T106" y="T107"/>
                    </a:cxn>
                    <a:cxn ang="T164">
                      <a:pos x="T108" y="T109"/>
                    </a:cxn>
                  </a:cxnLst>
                  <a:rect l="0" t="0" r="r" b="b"/>
                  <a:pathLst>
                    <a:path w="148" h="151">
                      <a:moveTo>
                        <a:pt x="0" y="74"/>
                      </a:moveTo>
                      <a:lnTo>
                        <a:pt x="0" y="70"/>
                      </a:lnTo>
                      <a:lnTo>
                        <a:pt x="0" y="67"/>
                      </a:lnTo>
                      <a:lnTo>
                        <a:pt x="0" y="64"/>
                      </a:lnTo>
                      <a:lnTo>
                        <a:pt x="0" y="60"/>
                      </a:lnTo>
                      <a:lnTo>
                        <a:pt x="1" y="58"/>
                      </a:lnTo>
                      <a:lnTo>
                        <a:pt x="2" y="55"/>
                      </a:lnTo>
                      <a:lnTo>
                        <a:pt x="2" y="51"/>
                      </a:lnTo>
                      <a:lnTo>
                        <a:pt x="3" y="48"/>
                      </a:lnTo>
                      <a:lnTo>
                        <a:pt x="4" y="46"/>
                      </a:lnTo>
                      <a:lnTo>
                        <a:pt x="5" y="42"/>
                      </a:lnTo>
                      <a:lnTo>
                        <a:pt x="6" y="39"/>
                      </a:lnTo>
                      <a:lnTo>
                        <a:pt x="9" y="37"/>
                      </a:lnTo>
                      <a:lnTo>
                        <a:pt x="10" y="33"/>
                      </a:lnTo>
                      <a:lnTo>
                        <a:pt x="12" y="30"/>
                      </a:lnTo>
                      <a:lnTo>
                        <a:pt x="13" y="28"/>
                      </a:lnTo>
                      <a:lnTo>
                        <a:pt x="15" y="26"/>
                      </a:lnTo>
                      <a:lnTo>
                        <a:pt x="18" y="23"/>
                      </a:lnTo>
                      <a:lnTo>
                        <a:pt x="20" y="20"/>
                      </a:lnTo>
                      <a:lnTo>
                        <a:pt x="22" y="19"/>
                      </a:lnTo>
                      <a:lnTo>
                        <a:pt x="24" y="17"/>
                      </a:lnTo>
                      <a:lnTo>
                        <a:pt x="26" y="14"/>
                      </a:lnTo>
                      <a:lnTo>
                        <a:pt x="30" y="12"/>
                      </a:lnTo>
                      <a:lnTo>
                        <a:pt x="32" y="11"/>
                      </a:lnTo>
                      <a:lnTo>
                        <a:pt x="35" y="10"/>
                      </a:lnTo>
                      <a:lnTo>
                        <a:pt x="38" y="8"/>
                      </a:lnTo>
                      <a:lnTo>
                        <a:pt x="41" y="6"/>
                      </a:lnTo>
                      <a:lnTo>
                        <a:pt x="43" y="5"/>
                      </a:lnTo>
                      <a:lnTo>
                        <a:pt x="47" y="3"/>
                      </a:lnTo>
                      <a:lnTo>
                        <a:pt x="50" y="3"/>
                      </a:lnTo>
                      <a:lnTo>
                        <a:pt x="53" y="2"/>
                      </a:lnTo>
                      <a:lnTo>
                        <a:pt x="56" y="1"/>
                      </a:lnTo>
                      <a:lnTo>
                        <a:pt x="59" y="0"/>
                      </a:lnTo>
                      <a:lnTo>
                        <a:pt x="62" y="0"/>
                      </a:lnTo>
                      <a:lnTo>
                        <a:pt x="66" y="0"/>
                      </a:lnTo>
                      <a:lnTo>
                        <a:pt x="69" y="0"/>
                      </a:lnTo>
                      <a:lnTo>
                        <a:pt x="73" y="0"/>
                      </a:lnTo>
                      <a:lnTo>
                        <a:pt x="78" y="0"/>
                      </a:lnTo>
                      <a:lnTo>
                        <a:pt x="83" y="0"/>
                      </a:lnTo>
                      <a:lnTo>
                        <a:pt x="88" y="1"/>
                      </a:lnTo>
                      <a:lnTo>
                        <a:pt x="94" y="2"/>
                      </a:lnTo>
                      <a:lnTo>
                        <a:pt x="98" y="3"/>
                      </a:lnTo>
                      <a:lnTo>
                        <a:pt x="102" y="4"/>
                      </a:lnTo>
                      <a:lnTo>
                        <a:pt x="107" y="6"/>
                      </a:lnTo>
                      <a:lnTo>
                        <a:pt x="111" y="9"/>
                      </a:lnTo>
                      <a:lnTo>
                        <a:pt x="115" y="11"/>
                      </a:lnTo>
                      <a:lnTo>
                        <a:pt x="119" y="14"/>
                      </a:lnTo>
                      <a:lnTo>
                        <a:pt x="123" y="17"/>
                      </a:lnTo>
                      <a:lnTo>
                        <a:pt x="127" y="21"/>
                      </a:lnTo>
                      <a:lnTo>
                        <a:pt x="130" y="24"/>
                      </a:lnTo>
                      <a:lnTo>
                        <a:pt x="133" y="28"/>
                      </a:lnTo>
                      <a:lnTo>
                        <a:pt x="136" y="32"/>
                      </a:lnTo>
                      <a:lnTo>
                        <a:pt x="138" y="36"/>
                      </a:lnTo>
                      <a:lnTo>
                        <a:pt x="140" y="40"/>
                      </a:lnTo>
                      <a:lnTo>
                        <a:pt x="143" y="45"/>
                      </a:lnTo>
                      <a:lnTo>
                        <a:pt x="144" y="49"/>
                      </a:lnTo>
                      <a:lnTo>
                        <a:pt x="145" y="53"/>
                      </a:lnTo>
                      <a:lnTo>
                        <a:pt x="146" y="59"/>
                      </a:lnTo>
                      <a:lnTo>
                        <a:pt x="147" y="64"/>
                      </a:lnTo>
                      <a:lnTo>
                        <a:pt x="147" y="69"/>
                      </a:lnTo>
                      <a:lnTo>
                        <a:pt x="148" y="75"/>
                      </a:lnTo>
                      <a:lnTo>
                        <a:pt x="147" y="79"/>
                      </a:lnTo>
                      <a:lnTo>
                        <a:pt x="147" y="85"/>
                      </a:lnTo>
                      <a:lnTo>
                        <a:pt x="146" y="89"/>
                      </a:lnTo>
                      <a:lnTo>
                        <a:pt x="145" y="95"/>
                      </a:lnTo>
                      <a:lnTo>
                        <a:pt x="144" y="99"/>
                      </a:lnTo>
                      <a:lnTo>
                        <a:pt x="143" y="104"/>
                      </a:lnTo>
                      <a:lnTo>
                        <a:pt x="140" y="108"/>
                      </a:lnTo>
                      <a:lnTo>
                        <a:pt x="138" y="113"/>
                      </a:lnTo>
                      <a:lnTo>
                        <a:pt x="136" y="117"/>
                      </a:lnTo>
                      <a:lnTo>
                        <a:pt x="133" y="122"/>
                      </a:lnTo>
                      <a:lnTo>
                        <a:pt x="130" y="125"/>
                      </a:lnTo>
                      <a:lnTo>
                        <a:pt x="127" y="130"/>
                      </a:lnTo>
                      <a:lnTo>
                        <a:pt x="123" y="133"/>
                      </a:lnTo>
                      <a:lnTo>
                        <a:pt x="119" y="135"/>
                      </a:lnTo>
                      <a:lnTo>
                        <a:pt x="115" y="138"/>
                      </a:lnTo>
                      <a:lnTo>
                        <a:pt x="111" y="141"/>
                      </a:lnTo>
                      <a:lnTo>
                        <a:pt x="107" y="143"/>
                      </a:lnTo>
                      <a:lnTo>
                        <a:pt x="102" y="145"/>
                      </a:lnTo>
                      <a:lnTo>
                        <a:pt x="98" y="146"/>
                      </a:lnTo>
                      <a:lnTo>
                        <a:pt x="94" y="147"/>
                      </a:lnTo>
                      <a:lnTo>
                        <a:pt x="88" y="149"/>
                      </a:lnTo>
                      <a:lnTo>
                        <a:pt x="83" y="150"/>
                      </a:lnTo>
                      <a:lnTo>
                        <a:pt x="78" y="150"/>
                      </a:lnTo>
                      <a:lnTo>
                        <a:pt x="73" y="151"/>
                      </a:lnTo>
                      <a:lnTo>
                        <a:pt x="70" y="150"/>
                      </a:lnTo>
                      <a:lnTo>
                        <a:pt x="67" y="150"/>
                      </a:lnTo>
                      <a:lnTo>
                        <a:pt x="63" y="150"/>
                      </a:lnTo>
                      <a:lnTo>
                        <a:pt x="60" y="150"/>
                      </a:lnTo>
                      <a:lnTo>
                        <a:pt x="58" y="149"/>
                      </a:lnTo>
                      <a:lnTo>
                        <a:pt x="54" y="147"/>
                      </a:lnTo>
                      <a:lnTo>
                        <a:pt x="51" y="147"/>
                      </a:lnTo>
                      <a:lnTo>
                        <a:pt x="48" y="146"/>
                      </a:lnTo>
                      <a:lnTo>
                        <a:pt x="45" y="145"/>
                      </a:lnTo>
                      <a:lnTo>
                        <a:pt x="42" y="144"/>
                      </a:lnTo>
                      <a:lnTo>
                        <a:pt x="39" y="143"/>
                      </a:lnTo>
                      <a:lnTo>
                        <a:pt x="37" y="142"/>
                      </a:lnTo>
                      <a:lnTo>
                        <a:pt x="33" y="140"/>
                      </a:lnTo>
                      <a:lnTo>
                        <a:pt x="30" y="138"/>
                      </a:lnTo>
                      <a:lnTo>
                        <a:pt x="28" y="136"/>
                      </a:lnTo>
                      <a:lnTo>
                        <a:pt x="25" y="134"/>
                      </a:lnTo>
                      <a:lnTo>
                        <a:pt x="22" y="133"/>
                      </a:lnTo>
                      <a:lnTo>
                        <a:pt x="20" y="131"/>
                      </a:lnTo>
                      <a:lnTo>
                        <a:pt x="18" y="128"/>
                      </a:lnTo>
                      <a:lnTo>
                        <a:pt x="15" y="126"/>
                      </a:lnTo>
                      <a:lnTo>
                        <a:pt x="13" y="124"/>
                      </a:lnTo>
                      <a:lnTo>
                        <a:pt x="12" y="121"/>
                      </a:lnTo>
                      <a:lnTo>
                        <a:pt x="10" y="118"/>
                      </a:lnTo>
                      <a:lnTo>
                        <a:pt x="9" y="116"/>
                      </a:lnTo>
                      <a:lnTo>
                        <a:pt x="6" y="113"/>
                      </a:lnTo>
                      <a:lnTo>
                        <a:pt x="5" y="109"/>
                      </a:lnTo>
                      <a:lnTo>
                        <a:pt x="4" y="106"/>
                      </a:lnTo>
                      <a:lnTo>
                        <a:pt x="3" y="103"/>
                      </a:lnTo>
                      <a:lnTo>
                        <a:pt x="2" y="99"/>
                      </a:lnTo>
                      <a:lnTo>
                        <a:pt x="1" y="96"/>
                      </a:lnTo>
                      <a:lnTo>
                        <a:pt x="1" y="93"/>
                      </a:lnTo>
                      <a:lnTo>
                        <a:pt x="0" y="88"/>
                      </a:lnTo>
                      <a:lnTo>
                        <a:pt x="0" y="85"/>
                      </a:lnTo>
                      <a:lnTo>
                        <a:pt x="0" y="81"/>
                      </a:lnTo>
                      <a:lnTo>
                        <a:pt x="0" y="77"/>
                      </a:lnTo>
                      <a:lnTo>
                        <a:pt x="0" y="74"/>
                      </a:lnTo>
                      <a:close/>
                      <a:moveTo>
                        <a:pt x="39" y="76"/>
                      </a:moveTo>
                      <a:lnTo>
                        <a:pt x="39" y="79"/>
                      </a:lnTo>
                      <a:lnTo>
                        <a:pt x="39" y="83"/>
                      </a:lnTo>
                      <a:lnTo>
                        <a:pt x="39" y="85"/>
                      </a:lnTo>
                      <a:lnTo>
                        <a:pt x="40" y="88"/>
                      </a:lnTo>
                      <a:lnTo>
                        <a:pt x="40" y="91"/>
                      </a:lnTo>
                      <a:lnTo>
                        <a:pt x="41" y="94"/>
                      </a:lnTo>
                      <a:lnTo>
                        <a:pt x="42" y="97"/>
                      </a:lnTo>
                      <a:lnTo>
                        <a:pt x="43" y="99"/>
                      </a:lnTo>
                      <a:lnTo>
                        <a:pt x="44" y="102"/>
                      </a:lnTo>
                      <a:lnTo>
                        <a:pt x="45" y="104"/>
                      </a:lnTo>
                      <a:lnTo>
                        <a:pt x="47" y="106"/>
                      </a:lnTo>
                      <a:lnTo>
                        <a:pt x="49" y="108"/>
                      </a:lnTo>
                      <a:lnTo>
                        <a:pt x="50" y="109"/>
                      </a:lnTo>
                      <a:lnTo>
                        <a:pt x="52" y="112"/>
                      </a:lnTo>
                      <a:lnTo>
                        <a:pt x="53" y="113"/>
                      </a:lnTo>
                      <a:lnTo>
                        <a:pt x="56" y="114"/>
                      </a:lnTo>
                      <a:lnTo>
                        <a:pt x="58" y="115"/>
                      </a:lnTo>
                      <a:lnTo>
                        <a:pt x="60" y="116"/>
                      </a:lnTo>
                      <a:lnTo>
                        <a:pt x="61" y="117"/>
                      </a:lnTo>
                      <a:lnTo>
                        <a:pt x="63" y="117"/>
                      </a:lnTo>
                      <a:lnTo>
                        <a:pt x="66" y="118"/>
                      </a:lnTo>
                      <a:lnTo>
                        <a:pt x="68" y="118"/>
                      </a:lnTo>
                      <a:lnTo>
                        <a:pt x="70" y="118"/>
                      </a:lnTo>
                      <a:lnTo>
                        <a:pt x="73" y="119"/>
                      </a:lnTo>
                      <a:lnTo>
                        <a:pt x="76" y="118"/>
                      </a:lnTo>
                      <a:lnTo>
                        <a:pt x="78" y="118"/>
                      </a:lnTo>
                      <a:lnTo>
                        <a:pt x="80" y="118"/>
                      </a:lnTo>
                      <a:lnTo>
                        <a:pt x="82" y="117"/>
                      </a:lnTo>
                      <a:lnTo>
                        <a:pt x="85" y="117"/>
                      </a:lnTo>
                      <a:lnTo>
                        <a:pt x="87" y="116"/>
                      </a:lnTo>
                      <a:lnTo>
                        <a:pt x="89" y="115"/>
                      </a:lnTo>
                      <a:lnTo>
                        <a:pt x="91" y="114"/>
                      </a:lnTo>
                      <a:lnTo>
                        <a:pt x="94" y="113"/>
                      </a:lnTo>
                      <a:lnTo>
                        <a:pt x="95" y="112"/>
                      </a:lnTo>
                      <a:lnTo>
                        <a:pt x="97" y="109"/>
                      </a:lnTo>
                      <a:lnTo>
                        <a:pt x="99" y="108"/>
                      </a:lnTo>
                      <a:lnTo>
                        <a:pt x="100" y="106"/>
                      </a:lnTo>
                      <a:lnTo>
                        <a:pt x="101" y="104"/>
                      </a:lnTo>
                      <a:lnTo>
                        <a:pt x="102" y="102"/>
                      </a:lnTo>
                      <a:lnTo>
                        <a:pt x="105" y="99"/>
                      </a:lnTo>
                      <a:lnTo>
                        <a:pt x="105" y="96"/>
                      </a:lnTo>
                      <a:lnTo>
                        <a:pt x="106" y="94"/>
                      </a:lnTo>
                      <a:lnTo>
                        <a:pt x="107" y="90"/>
                      </a:lnTo>
                      <a:lnTo>
                        <a:pt x="108" y="88"/>
                      </a:lnTo>
                      <a:lnTo>
                        <a:pt x="108" y="85"/>
                      </a:lnTo>
                      <a:lnTo>
                        <a:pt x="108" y="81"/>
                      </a:lnTo>
                      <a:lnTo>
                        <a:pt x="108" y="78"/>
                      </a:lnTo>
                      <a:lnTo>
                        <a:pt x="109" y="75"/>
                      </a:lnTo>
                      <a:lnTo>
                        <a:pt x="108" y="70"/>
                      </a:lnTo>
                      <a:lnTo>
                        <a:pt x="108" y="67"/>
                      </a:lnTo>
                      <a:lnTo>
                        <a:pt x="108" y="65"/>
                      </a:lnTo>
                      <a:lnTo>
                        <a:pt x="107" y="61"/>
                      </a:lnTo>
                      <a:lnTo>
                        <a:pt x="107" y="58"/>
                      </a:lnTo>
                      <a:lnTo>
                        <a:pt x="106" y="56"/>
                      </a:lnTo>
                      <a:lnTo>
                        <a:pt x="105" y="52"/>
                      </a:lnTo>
                      <a:lnTo>
                        <a:pt x="104" y="50"/>
                      </a:lnTo>
                      <a:lnTo>
                        <a:pt x="102" y="48"/>
                      </a:lnTo>
                      <a:lnTo>
                        <a:pt x="101" y="46"/>
                      </a:lnTo>
                      <a:lnTo>
                        <a:pt x="100" y="43"/>
                      </a:lnTo>
                      <a:lnTo>
                        <a:pt x="99" y="42"/>
                      </a:lnTo>
                      <a:lnTo>
                        <a:pt x="97" y="40"/>
                      </a:lnTo>
                      <a:lnTo>
                        <a:pt x="95" y="38"/>
                      </a:lnTo>
                      <a:lnTo>
                        <a:pt x="94" y="37"/>
                      </a:lnTo>
                      <a:lnTo>
                        <a:pt x="91" y="36"/>
                      </a:lnTo>
                      <a:lnTo>
                        <a:pt x="89" y="34"/>
                      </a:lnTo>
                      <a:lnTo>
                        <a:pt x="87" y="33"/>
                      </a:lnTo>
                      <a:lnTo>
                        <a:pt x="85" y="32"/>
                      </a:lnTo>
                      <a:lnTo>
                        <a:pt x="82" y="32"/>
                      </a:lnTo>
                      <a:lnTo>
                        <a:pt x="80" y="31"/>
                      </a:lnTo>
                      <a:lnTo>
                        <a:pt x="78" y="31"/>
                      </a:lnTo>
                      <a:lnTo>
                        <a:pt x="76" y="31"/>
                      </a:lnTo>
                      <a:lnTo>
                        <a:pt x="73" y="31"/>
                      </a:lnTo>
                      <a:lnTo>
                        <a:pt x="70" y="31"/>
                      </a:lnTo>
                      <a:lnTo>
                        <a:pt x="68" y="31"/>
                      </a:lnTo>
                      <a:lnTo>
                        <a:pt x="66" y="31"/>
                      </a:lnTo>
                      <a:lnTo>
                        <a:pt x="63" y="32"/>
                      </a:lnTo>
                      <a:lnTo>
                        <a:pt x="61" y="32"/>
                      </a:lnTo>
                      <a:lnTo>
                        <a:pt x="59" y="33"/>
                      </a:lnTo>
                      <a:lnTo>
                        <a:pt x="58" y="34"/>
                      </a:lnTo>
                      <a:lnTo>
                        <a:pt x="56" y="36"/>
                      </a:lnTo>
                      <a:lnTo>
                        <a:pt x="53" y="37"/>
                      </a:lnTo>
                      <a:lnTo>
                        <a:pt x="52" y="38"/>
                      </a:lnTo>
                      <a:lnTo>
                        <a:pt x="50" y="40"/>
                      </a:lnTo>
                      <a:lnTo>
                        <a:pt x="49" y="42"/>
                      </a:lnTo>
                      <a:lnTo>
                        <a:pt x="47" y="43"/>
                      </a:lnTo>
                      <a:lnTo>
                        <a:pt x="45" y="46"/>
                      </a:lnTo>
                      <a:lnTo>
                        <a:pt x="44" y="48"/>
                      </a:lnTo>
                      <a:lnTo>
                        <a:pt x="42" y="50"/>
                      </a:lnTo>
                      <a:lnTo>
                        <a:pt x="42" y="53"/>
                      </a:lnTo>
                      <a:lnTo>
                        <a:pt x="41" y="56"/>
                      </a:lnTo>
                      <a:lnTo>
                        <a:pt x="40" y="59"/>
                      </a:lnTo>
                      <a:lnTo>
                        <a:pt x="39" y="61"/>
                      </a:lnTo>
                      <a:lnTo>
                        <a:pt x="39" y="65"/>
                      </a:lnTo>
                      <a:lnTo>
                        <a:pt x="39" y="68"/>
                      </a:lnTo>
                      <a:lnTo>
                        <a:pt x="39" y="71"/>
                      </a:lnTo>
                      <a:lnTo>
                        <a:pt x="39" y="76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6" name="Freeform 23">
                  <a:extLst>
                    <a:ext uri="{FF2B5EF4-FFF2-40B4-BE49-F238E27FC236}">
                      <a16:creationId xmlns:a16="http://schemas.microsoft.com/office/drawing/2014/main" id="{CB4C0411-7F7E-427C-98C6-66F8608CDDA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45" y="3702"/>
                  <a:ext cx="48" cy="102"/>
                </a:xfrm>
                <a:custGeom>
                  <a:avLst/>
                  <a:gdLst>
                    <a:gd name="T0" fmla="*/ 0 w 97"/>
                    <a:gd name="T1" fmla="*/ 1 h 202"/>
                    <a:gd name="T2" fmla="*/ 0 w 97"/>
                    <a:gd name="T3" fmla="*/ 1 h 202"/>
                    <a:gd name="T4" fmla="*/ 0 w 97"/>
                    <a:gd name="T5" fmla="*/ 1 h 202"/>
                    <a:gd name="T6" fmla="*/ 0 w 97"/>
                    <a:gd name="T7" fmla="*/ 1 h 202"/>
                    <a:gd name="T8" fmla="*/ 0 w 97"/>
                    <a:gd name="T9" fmla="*/ 1 h 202"/>
                    <a:gd name="T10" fmla="*/ 0 w 97"/>
                    <a:gd name="T11" fmla="*/ 1 h 202"/>
                    <a:gd name="T12" fmla="*/ 0 w 97"/>
                    <a:gd name="T13" fmla="*/ 1 h 202"/>
                    <a:gd name="T14" fmla="*/ 0 w 97"/>
                    <a:gd name="T15" fmla="*/ 1 h 202"/>
                    <a:gd name="T16" fmla="*/ 0 w 97"/>
                    <a:gd name="T17" fmla="*/ 1 h 202"/>
                    <a:gd name="T18" fmla="*/ 0 w 97"/>
                    <a:gd name="T19" fmla="*/ 1 h 202"/>
                    <a:gd name="T20" fmla="*/ 0 w 97"/>
                    <a:gd name="T21" fmla="*/ 1 h 202"/>
                    <a:gd name="T22" fmla="*/ 0 w 97"/>
                    <a:gd name="T23" fmla="*/ 1 h 202"/>
                    <a:gd name="T24" fmla="*/ 0 w 97"/>
                    <a:gd name="T25" fmla="*/ 1 h 202"/>
                    <a:gd name="T26" fmla="*/ 0 w 97"/>
                    <a:gd name="T27" fmla="*/ 1 h 202"/>
                    <a:gd name="T28" fmla="*/ 0 w 97"/>
                    <a:gd name="T29" fmla="*/ 1 h 202"/>
                    <a:gd name="T30" fmla="*/ 0 w 97"/>
                    <a:gd name="T31" fmla="*/ 1 h 202"/>
                    <a:gd name="T32" fmla="*/ 0 w 97"/>
                    <a:gd name="T33" fmla="*/ 0 h 202"/>
                    <a:gd name="T34" fmla="*/ 0 w 97"/>
                    <a:gd name="T35" fmla="*/ 0 h 202"/>
                    <a:gd name="T36" fmla="*/ 0 w 97"/>
                    <a:gd name="T37" fmla="*/ 0 h 202"/>
                    <a:gd name="T38" fmla="*/ 0 w 97"/>
                    <a:gd name="T39" fmla="*/ 0 h 202"/>
                    <a:gd name="T40" fmla="*/ 0 w 97"/>
                    <a:gd name="T41" fmla="*/ 0 h 202"/>
                    <a:gd name="T42" fmla="*/ 0 w 97"/>
                    <a:gd name="T43" fmla="*/ 0 h 202"/>
                    <a:gd name="T44" fmla="*/ 0 w 97"/>
                    <a:gd name="T45" fmla="*/ 1 h 202"/>
                    <a:gd name="T46" fmla="*/ 0 w 97"/>
                    <a:gd name="T47" fmla="*/ 1 h 202"/>
                    <a:gd name="T48" fmla="*/ 0 w 97"/>
                    <a:gd name="T49" fmla="*/ 1 h 202"/>
                    <a:gd name="T50" fmla="*/ 0 w 97"/>
                    <a:gd name="T51" fmla="*/ 1 h 202"/>
                    <a:gd name="T52" fmla="*/ 0 w 97"/>
                    <a:gd name="T53" fmla="*/ 1 h 202"/>
                    <a:gd name="T54" fmla="*/ 0 w 97"/>
                    <a:gd name="T55" fmla="*/ 1 h 202"/>
                    <a:gd name="T56" fmla="*/ 0 w 97"/>
                    <a:gd name="T57" fmla="*/ 1 h 202"/>
                    <a:gd name="T58" fmla="*/ 0 w 97"/>
                    <a:gd name="T59" fmla="*/ 1 h 202"/>
                    <a:gd name="T60" fmla="*/ 0 w 97"/>
                    <a:gd name="T61" fmla="*/ 1 h 202"/>
                    <a:gd name="T62" fmla="*/ 0 w 97"/>
                    <a:gd name="T63" fmla="*/ 1 h 202"/>
                    <a:gd name="T64" fmla="*/ 0 w 97"/>
                    <a:gd name="T65" fmla="*/ 1 h 202"/>
                    <a:gd name="T66" fmla="*/ 0 w 97"/>
                    <a:gd name="T67" fmla="*/ 1 h 202"/>
                    <a:gd name="T68" fmla="*/ 0 w 97"/>
                    <a:gd name="T69" fmla="*/ 1 h 202"/>
                    <a:gd name="T70" fmla="*/ 0 w 97"/>
                    <a:gd name="T71" fmla="*/ 1 h 202"/>
                    <a:gd name="T72" fmla="*/ 0 w 97"/>
                    <a:gd name="T73" fmla="*/ 1 h 202"/>
                    <a:gd name="T74" fmla="*/ 0 w 97"/>
                    <a:gd name="T75" fmla="*/ 1 h 202"/>
                    <a:gd name="T76" fmla="*/ 0 w 97"/>
                    <a:gd name="T77" fmla="*/ 1 h 202"/>
                    <a:gd name="T78" fmla="*/ 0 w 97"/>
                    <a:gd name="T79" fmla="*/ 1 h 202"/>
                    <a:gd name="T80" fmla="*/ 0 w 97"/>
                    <a:gd name="T81" fmla="*/ 1 h 202"/>
                    <a:gd name="T82" fmla="*/ 0 w 97"/>
                    <a:gd name="T83" fmla="*/ 1 h 202"/>
                    <a:gd name="T84" fmla="*/ 0 w 97"/>
                    <a:gd name="T85" fmla="*/ 1 h 202"/>
                    <a:gd name="T86" fmla="*/ 0 w 97"/>
                    <a:gd name="T87" fmla="*/ 1 h 202"/>
                    <a:gd name="T88" fmla="*/ 0 w 97"/>
                    <a:gd name="T89" fmla="*/ 1 h 202"/>
                    <a:gd name="T90" fmla="*/ 0 w 97"/>
                    <a:gd name="T91" fmla="*/ 1 h 202"/>
                    <a:gd name="T92" fmla="*/ 0 w 97"/>
                    <a:gd name="T93" fmla="*/ 1 h 202"/>
                    <a:gd name="T94" fmla="*/ 0 w 97"/>
                    <a:gd name="T95" fmla="*/ 1 h 202"/>
                    <a:gd name="T96" fmla="*/ 0 w 97"/>
                    <a:gd name="T97" fmla="*/ 1 h 202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</a:gdLst>
                  <a:ahLst/>
                  <a:cxnLst>
                    <a:cxn ang="T98">
                      <a:pos x="T0" y="T1"/>
                    </a:cxn>
                    <a:cxn ang="T99">
                      <a:pos x="T2" y="T3"/>
                    </a:cxn>
                    <a:cxn ang="T100">
                      <a:pos x="T4" y="T5"/>
                    </a:cxn>
                    <a:cxn ang="T101">
                      <a:pos x="T6" y="T7"/>
                    </a:cxn>
                    <a:cxn ang="T102">
                      <a:pos x="T8" y="T9"/>
                    </a:cxn>
                    <a:cxn ang="T103">
                      <a:pos x="T10" y="T11"/>
                    </a:cxn>
                    <a:cxn ang="T104">
                      <a:pos x="T12" y="T13"/>
                    </a:cxn>
                    <a:cxn ang="T105">
                      <a:pos x="T14" y="T15"/>
                    </a:cxn>
                    <a:cxn ang="T106">
                      <a:pos x="T16" y="T17"/>
                    </a:cxn>
                    <a:cxn ang="T107">
                      <a:pos x="T18" y="T19"/>
                    </a:cxn>
                    <a:cxn ang="T108">
                      <a:pos x="T20" y="T21"/>
                    </a:cxn>
                    <a:cxn ang="T109">
                      <a:pos x="T22" y="T23"/>
                    </a:cxn>
                    <a:cxn ang="T110">
                      <a:pos x="T24" y="T25"/>
                    </a:cxn>
                    <a:cxn ang="T111">
                      <a:pos x="T26" y="T27"/>
                    </a:cxn>
                    <a:cxn ang="T112">
                      <a:pos x="T28" y="T29"/>
                    </a:cxn>
                    <a:cxn ang="T113">
                      <a:pos x="T30" y="T31"/>
                    </a:cxn>
                    <a:cxn ang="T114">
                      <a:pos x="T32" y="T33"/>
                    </a:cxn>
                    <a:cxn ang="T115">
                      <a:pos x="T34" y="T35"/>
                    </a:cxn>
                    <a:cxn ang="T116">
                      <a:pos x="T36" y="T37"/>
                    </a:cxn>
                    <a:cxn ang="T117">
                      <a:pos x="T38" y="T39"/>
                    </a:cxn>
                    <a:cxn ang="T118">
                      <a:pos x="T40" y="T41"/>
                    </a:cxn>
                    <a:cxn ang="T119">
                      <a:pos x="T42" y="T43"/>
                    </a:cxn>
                    <a:cxn ang="T120">
                      <a:pos x="T44" y="T45"/>
                    </a:cxn>
                    <a:cxn ang="T121">
                      <a:pos x="T46" y="T47"/>
                    </a:cxn>
                    <a:cxn ang="T122">
                      <a:pos x="T48" y="T49"/>
                    </a:cxn>
                    <a:cxn ang="T123">
                      <a:pos x="T50" y="T51"/>
                    </a:cxn>
                    <a:cxn ang="T124">
                      <a:pos x="T52" y="T53"/>
                    </a:cxn>
                    <a:cxn ang="T125">
                      <a:pos x="T54" y="T55"/>
                    </a:cxn>
                    <a:cxn ang="T126">
                      <a:pos x="T56" y="T57"/>
                    </a:cxn>
                    <a:cxn ang="T127">
                      <a:pos x="T58" y="T59"/>
                    </a:cxn>
                    <a:cxn ang="T128">
                      <a:pos x="T60" y="T61"/>
                    </a:cxn>
                    <a:cxn ang="T129">
                      <a:pos x="T62" y="T63"/>
                    </a:cxn>
                    <a:cxn ang="T130">
                      <a:pos x="T64" y="T65"/>
                    </a:cxn>
                    <a:cxn ang="T131">
                      <a:pos x="T66" y="T67"/>
                    </a:cxn>
                    <a:cxn ang="T132">
                      <a:pos x="T68" y="T69"/>
                    </a:cxn>
                    <a:cxn ang="T133">
                      <a:pos x="T70" y="T71"/>
                    </a:cxn>
                    <a:cxn ang="T134">
                      <a:pos x="T72" y="T73"/>
                    </a:cxn>
                    <a:cxn ang="T135">
                      <a:pos x="T74" y="T75"/>
                    </a:cxn>
                    <a:cxn ang="T136">
                      <a:pos x="T76" y="T77"/>
                    </a:cxn>
                    <a:cxn ang="T137">
                      <a:pos x="T78" y="T79"/>
                    </a:cxn>
                    <a:cxn ang="T138">
                      <a:pos x="T80" y="T81"/>
                    </a:cxn>
                    <a:cxn ang="T139">
                      <a:pos x="T82" y="T83"/>
                    </a:cxn>
                    <a:cxn ang="T140">
                      <a:pos x="T84" y="T85"/>
                    </a:cxn>
                    <a:cxn ang="T141">
                      <a:pos x="T86" y="T87"/>
                    </a:cxn>
                    <a:cxn ang="T142">
                      <a:pos x="T88" y="T89"/>
                    </a:cxn>
                    <a:cxn ang="T143">
                      <a:pos x="T90" y="T91"/>
                    </a:cxn>
                    <a:cxn ang="T144">
                      <a:pos x="T92" y="T93"/>
                    </a:cxn>
                    <a:cxn ang="T145">
                      <a:pos x="T94" y="T95"/>
                    </a:cxn>
                    <a:cxn ang="T146">
                      <a:pos x="T96" y="T97"/>
                    </a:cxn>
                  </a:cxnLst>
                  <a:rect l="0" t="0" r="r" b="b"/>
                  <a:pathLst>
                    <a:path w="97" h="202">
                      <a:moveTo>
                        <a:pt x="0" y="58"/>
                      </a:moveTo>
                      <a:lnTo>
                        <a:pt x="20" y="58"/>
                      </a:lnTo>
                      <a:lnTo>
                        <a:pt x="20" y="47"/>
                      </a:lnTo>
                      <a:lnTo>
                        <a:pt x="20" y="44"/>
                      </a:lnTo>
                      <a:lnTo>
                        <a:pt x="20" y="40"/>
                      </a:lnTo>
                      <a:lnTo>
                        <a:pt x="20" y="38"/>
                      </a:lnTo>
                      <a:lnTo>
                        <a:pt x="20" y="36"/>
                      </a:lnTo>
                      <a:lnTo>
                        <a:pt x="20" y="34"/>
                      </a:lnTo>
                      <a:lnTo>
                        <a:pt x="21" y="30"/>
                      </a:lnTo>
                      <a:lnTo>
                        <a:pt x="21" y="29"/>
                      </a:lnTo>
                      <a:lnTo>
                        <a:pt x="21" y="27"/>
                      </a:lnTo>
                      <a:lnTo>
                        <a:pt x="22" y="25"/>
                      </a:lnTo>
                      <a:lnTo>
                        <a:pt x="22" y="22"/>
                      </a:lnTo>
                      <a:lnTo>
                        <a:pt x="23" y="21"/>
                      </a:lnTo>
                      <a:lnTo>
                        <a:pt x="24" y="20"/>
                      </a:lnTo>
                      <a:lnTo>
                        <a:pt x="24" y="18"/>
                      </a:lnTo>
                      <a:lnTo>
                        <a:pt x="25" y="17"/>
                      </a:lnTo>
                      <a:lnTo>
                        <a:pt x="25" y="16"/>
                      </a:lnTo>
                      <a:lnTo>
                        <a:pt x="27" y="13"/>
                      </a:lnTo>
                      <a:lnTo>
                        <a:pt x="28" y="12"/>
                      </a:lnTo>
                      <a:lnTo>
                        <a:pt x="29" y="11"/>
                      </a:lnTo>
                      <a:lnTo>
                        <a:pt x="30" y="10"/>
                      </a:lnTo>
                      <a:lnTo>
                        <a:pt x="32" y="9"/>
                      </a:lnTo>
                      <a:lnTo>
                        <a:pt x="33" y="8"/>
                      </a:lnTo>
                      <a:lnTo>
                        <a:pt x="34" y="7"/>
                      </a:lnTo>
                      <a:lnTo>
                        <a:pt x="37" y="6"/>
                      </a:lnTo>
                      <a:lnTo>
                        <a:pt x="39" y="6"/>
                      </a:lnTo>
                      <a:lnTo>
                        <a:pt x="40" y="4"/>
                      </a:lnTo>
                      <a:lnTo>
                        <a:pt x="42" y="3"/>
                      </a:lnTo>
                      <a:lnTo>
                        <a:pt x="43" y="2"/>
                      </a:lnTo>
                      <a:lnTo>
                        <a:pt x="46" y="2"/>
                      </a:lnTo>
                      <a:lnTo>
                        <a:pt x="48" y="1"/>
                      </a:lnTo>
                      <a:lnTo>
                        <a:pt x="50" y="1"/>
                      </a:lnTo>
                      <a:lnTo>
                        <a:pt x="52" y="0"/>
                      </a:lnTo>
                      <a:lnTo>
                        <a:pt x="54" y="0"/>
                      </a:lnTo>
                      <a:lnTo>
                        <a:pt x="57" y="0"/>
                      </a:lnTo>
                      <a:lnTo>
                        <a:pt x="59" y="0"/>
                      </a:lnTo>
                      <a:lnTo>
                        <a:pt x="61" y="0"/>
                      </a:lnTo>
                      <a:lnTo>
                        <a:pt x="65" y="0"/>
                      </a:lnTo>
                      <a:lnTo>
                        <a:pt x="67" y="0"/>
                      </a:lnTo>
                      <a:lnTo>
                        <a:pt x="69" y="0"/>
                      </a:lnTo>
                      <a:lnTo>
                        <a:pt x="72" y="0"/>
                      </a:lnTo>
                      <a:lnTo>
                        <a:pt x="75" y="0"/>
                      </a:lnTo>
                      <a:lnTo>
                        <a:pt x="78" y="0"/>
                      </a:lnTo>
                      <a:lnTo>
                        <a:pt x="80" y="1"/>
                      </a:lnTo>
                      <a:lnTo>
                        <a:pt x="83" y="1"/>
                      </a:lnTo>
                      <a:lnTo>
                        <a:pt x="86" y="1"/>
                      </a:lnTo>
                      <a:lnTo>
                        <a:pt x="88" y="2"/>
                      </a:lnTo>
                      <a:lnTo>
                        <a:pt x="91" y="2"/>
                      </a:lnTo>
                      <a:lnTo>
                        <a:pt x="94" y="3"/>
                      </a:lnTo>
                      <a:lnTo>
                        <a:pt x="97" y="4"/>
                      </a:lnTo>
                      <a:lnTo>
                        <a:pt x="91" y="31"/>
                      </a:lnTo>
                      <a:lnTo>
                        <a:pt x="89" y="30"/>
                      </a:lnTo>
                      <a:lnTo>
                        <a:pt x="88" y="30"/>
                      </a:lnTo>
                      <a:lnTo>
                        <a:pt x="87" y="30"/>
                      </a:lnTo>
                      <a:lnTo>
                        <a:pt x="85" y="29"/>
                      </a:lnTo>
                      <a:lnTo>
                        <a:pt x="83" y="29"/>
                      </a:lnTo>
                      <a:lnTo>
                        <a:pt x="82" y="29"/>
                      </a:lnTo>
                      <a:lnTo>
                        <a:pt x="81" y="29"/>
                      </a:lnTo>
                      <a:lnTo>
                        <a:pt x="79" y="29"/>
                      </a:lnTo>
                      <a:lnTo>
                        <a:pt x="78" y="29"/>
                      </a:lnTo>
                      <a:lnTo>
                        <a:pt x="77" y="29"/>
                      </a:lnTo>
                      <a:lnTo>
                        <a:pt x="76" y="29"/>
                      </a:lnTo>
                      <a:lnTo>
                        <a:pt x="75" y="29"/>
                      </a:lnTo>
                      <a:lnTo>
                        <a:pt x="72" y="29"/>
                      </a:lnTo>
                      <a:lnTo>
                        <a:pt x="71" y="29"/>
                      </a:lnTo>
                      <a:lnTo>
                        <a:pt x="70" y="29"/>
                      </a:lnTo>
                      <a:lnTo>
                        <a:pt x="69" y="29"/>
                      </a:lnTo>
                      <a:lnTo>
                        <a:pt x="68" y="29"/>
                      </a:lnTo>
                      <a:lnTo>
                        <a:pt x="67" y="30"/>
                      </a:lnTo>
                      <a:lnTo>
                        <a:pt x="66" y="30"/>
                      </a:lnTo>
                      <a:lnTo>
                        <a:pt x="65" y="30"/>
                      </a:lnTo>
                      <a:lnTo>
                        <a:pt x="63" y="31"/>
                      </a:lnTo>
                      <a:lnTo>
                        <a:pt x="62" y="32"/>
                      </a:lnTo>
                      <a:lnTo>
                        <a:pt x="62" y="34"/>
                      </a:lnTo>
                      <a:lnTo>
                        <a:pt x="61" y="34"/>
                      </a:lnTo>
                      <a:lnTo>
                        <a:pt x="60" y="35"/>
                      </a:lnTo>
                      <a:lnTo>
                        <a:pt x="59" y="36"/>
                      </a:lnTo>
                      <a:lnTo>
                        <a:pt x="59" y="37"/>
                      </a:lnTo>
                      <a:lnTo>
                        <a:pt x="58" y="38"/>
                      </a:lnTo>
                      <a:lnTo>
                        <a:pt x="58" y="39"/>
                      </a:lnTo>
                      <a:lnTo>
                        <a:pt x="58" y="41"/>
                      </a:lnTo>
                      <a:lnTo>
                        <a:pt x="58" y="42"/>
                      </a:lnTo>
                      <a:lnTo>
                        <a:pt x="58" y="44"/>
                      </a:lnTo>
                      <a:lnTo>
                        <a:pt x="58" y="46"/>
                      </a:lnTo>
                      <a:lnTo>
                        <a:pt x="58" y="48"/>
                      </a:lnTo>
                      <a:lnTo>
                        <a:pt x="58" y="58"/>
                      </a:lnTo>
                      <a:lnTo>
                        <a:pt x="87" y="58"/>
                      </a:lnTo>
                      <a:lnTo>
                        <a:pt x="87" y="88"/>
                      </a:lnTo>
                      <a:lnTo>
                        <a:pt x="58" y="88"/>
                      </a:lnTo>
                      <a:lnTo>
                        <a:pt x="58" y="202"/>
                      </a:lnTo>
                      <a:lnTo>
                        <a:pt x="20" y="202"/>
                      </a:lnTo>
                      <a:lnTo>
                        <a:pt x="20" y="88"/>
                      </a:lnTo>
                      <a:lnTo>
                        <a:pt x="0" y="88"/>
                      </a:lnTo>
                      <a:lnTo>
                        <a:pt x="0" y="58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97" name="Freeform 24">
                  <a:extLst>
                    <a:ext uri="{FF2B5EF4-FFF2-40B4-BE49-F238E27FC236}">
                      <a16:creationId xmlns:a16="http://schemas.microsoft.com/office/drawing/2014/main" id="{7E66F37D-80A4-4D25-80DF-8D242EC4CE4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91" y="3702"/>
                  <a:ext cx="48" cy="102"/>
                </a:xfrm>
                <a:custGeom>
                  <a:avLst/>
                  <a:gdLst>
                    <a:gd name="T0" fmla="*/ 0 w 98"/>
                    <a:gd name="T1" fmla="*/ 1 h 202"/>
                    <a:gd name="T2" fmla="*/ 0 w 98"/>
                    <a:gd name="T3" fmla="*/ 1 h 202"/>
                    <a:gd name="T4" fmla="*/ 0 w 98"/>
                    <a:gd name="T5" fmla="*/ 1 h 202"/>
                    <a:gd name="T6" fmla="*/ 0 w 98"/>
                    <a:gd name="T7" fmla="*/ 1 h 202"/>
                    <a:gd name="T8" fmla="*/ 0 w 98"/>
                    <a:gd name="T9" fmla="*/ 1 h 202"/>
                    <a:gd name="T10" fmla="*/ 0 w 98"/>
                    <a:gd name="T11" fmla="*/ 1 h 202"/>
                    <a:gd name="T12" fmla="*/ 0 w 98"/>
                    <a:gd name="T13" fmla="*/ 1 h 202"/>
                    <a:gd name="T14" fmla="*/ 0 w 98"/>
                    <a:gd name="T15" fmla="*/ 1 h 202"/>
                    <a:gd name="T16" fmla="*/ 0 w 98"/>
                    <a:gd name="T17" fmla="*/ 1 h 202"/>
                    <a:gd name="T18" fmla="*/ 0 w 98"/>
                    <a:gd name="T19" fmla="*/ 1 h 202"/>
                    <a:gd name="T20" fmla="*/ 0 w 98"/>
                    <a:gd name="T21" fmla="*/ 1 h 202"/>
                    <a:gd name="T22" fmla="*/ 0 w 98"/>
                    <a:gd name="T23" fmla="*/ 1 h 202"/>
                    <a:gd name="T24" fmla="*/ 0 w 98"/>
                    <a:gd name="T25" fmla="*/ 1 h 202"/>
                    <a:gd name="T26" fmla="*/ 0 w 98"/>
                    <a:gd name="T27" fmla="*/ 1 h 202"/>
                    <a:gd name="T28" fmla="*/ 0 w 98"/>
                    <a:gd name="T29" fmla="*/ 1 h 202"/>
                    <a:gd name="T30" fmla="*/ 0 w 98"/>
                    <a:gd name="T31" fmla="*/ 1 h 202"/>
                    <a:gd name="T32" fmla="*/ 0 w 98"/>
                    <a:gd name="T33" fmla="*/ 0 h 202"/>
                    <a:gd name="T34" fmla="*/ 0 w 98"/>
                    <a:gd name="T35" fmla="*/ 0 h 202"/>
                    <a:gd name="T36" fmla="*/ 0 w 98"/>
                    <a:gd name="T37" fmla="*/ 0 h 202"/>
                    <a:gd name="T38" fmla="*/ 0 w 98"/>
                    <a:gd name="T39" fmla="*/ 0 h 202"/>
                    <a:gd name="T40" fmla="*/ 0 w 98"/>
                    <a:gd name="T41" fmla="*/ 0 h 202"/>
                    <a:gd name="T42" fmla="*/ 0 w 98"/>
                    <a:gd name="T43" fmla="*/ 0 h 202"/>
                    <a:gd name="T44" fmla="*/ 0 w 98"/>
                    <a:gd name="T45" fmla="*/ 1 h 202"/>
                    <a:gd name="T46" fmla="*/ 0 w 98"/>
                    <a:gd name="T47" fmla="*/ 1 h 202"/>
                    <a:gd name="T48" fmla="*/ 0 w 98"/>
                    <a:gd name="T49" fmla="*/ 1 h 202"/>
                    <a:gd name="T50" fmla="*/ 0 w 98"/>
                    <a:gd name="T51" fmla="*/ 1 h 202"/>
                    <a:gd name="T52" fmla="*/ 0 w 98"/>
                    <a:gd name="T53" fmla="*/ 1 h 202"/>
                    <a:gd name="T54" fmla="*/ 0 w 98"/>
                    <a:gd name="T55" fmla="*/ 1 h 202"/>
                    <a:gd name="T56" fmla="*/ 0 w 98"/>
                    <a:gd name="T57" fmla="*/ 1 h 202"/>
                    <a:gd name="T58" fmla="*/ 0 w 98"/>
                    <a:gd name="T59" fmla="*/ 1 h 202"/>
                    <a:gd name="T60" fmla="*/ 0 w 98"/>
                    <a:gd name="T61" fmla="*/ 1 h 202"/>
                    <a:gd name="T62" fmla="*/ 0 w 98"/>
                    <a:gd name="T63" fmla="*/ 1 h 202"/>
                    <a:gd name="T64" fmla="*/ 0 w 98"/>
                    <a:gd name="T65" fmla="*/ 1 h 202"/>
                    <a:gd name="T66" fmla="*/ 0 w 98"/>
                    <a:gd name="T67" fmla="*/ 1 h 202"/>
                    <a:gd name="T68" fmla="*/ 0 w 98"/>
                    <a:gd name="T69" fmla="*/ 1 h 202"/>
                    <a:gd name="T70" fmla="*/ 0 w 98"/>
                    <a:gd name="T71" fmla="*/ 1 h 202"/>
                    <a:gd name="T72" fmla="*/ 0 w 98"/>
                    <a:gd name="T73" fmla="*/ 1 h 202"/>
                    <a:gd name="T74" fmla="*/ 0 w 98"/>
                    <a:gd name="T75" fmla="*/ 1 h 202"/>
                    <a:gd name="T76" fmla="*/ 0 w 98"/>
                    <a:gd name="T77" fmla="*/ 1 h 202"/>
                    <a:gd name="T78" fmla="*/ 0 w 98"/>
                    <a:gd name="T79" fmla="*/ 1 h 202"/>
                    <a:gd name="T80" fmla="*/ 0 w 98"/>
                    <a:gd name="T81" fmla="*/ 1 h 202"/>
                    <a:gd name="T82" fmla="*/ 0 w 98"/>
                    <a:gd name="T83" fmla="*/ 1 h 202"/>
                    <a:gd name="T84" fmla="*/ 0 w 98"/>
                    <a:gd name="T85" fmla="*/ 1 h 202"/>
                    <a:gd name="T86" fmla="*/ 0 w 98"/>
                    <a:gd name="T87" fmla="*/ 1 h 202"/>
                    <a:gd name="T88" fmla="*/ 0 w 98"/>
                    <a:gd name="T89" fmla="*/ 1 h 202"/>
                    <a:gd name="T90" fmla="*/ 0 w 98"/>
                    <a:gd name="T91" fmla="*/ 1 h 202"/>
                    <a:gd name="T92" fmla="*/ 0 w 98"/>
                    <a:gd name="T93" fmla="*/ 1 h 202"/>
                    <a:gd name="T94" fmla="*/ 0 w 98"/>
                    <a:gd name="T95" fmla="*/ 1 h 202"/>
                    <a:gd name="T96" fmla="*/ 0 w 98"/>
                    <a:gd name="T97" fmla="*/ 1 h 202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</a:gdLst>
                  <a:ahLst/>
                  <a:cxnLst>
                    <a:cxn ang="T98">
                      <a:pos x="T0" y="T1"/>
                    </a:cxn>
                    <a:cxn ang="T99">
                      <a:pos x="T2" y="T3"/>
                    </a:cxn>
                    <a:cxn ang="T100">
                      <a:pos x="T4" y="T5"/>
                    </a:cxn>
                    <a:cxn ang="T101">
                      <a:pos x="T6" y="T7"/>
                    </a:cxn>
                    <a:cxn ang="T102">
                      <a:pos x="T8" y="T9"/>
                    </a:cxn>
                    <a:cxn ang="T103">
                      <a:pos x="T10" y="T11"/>
                    </a:cxn>
                    <a:cxn ang="T104">
                      <a:pos x="T12" y="T13"/>
                    </a:cxn>
                    <a:cxn ang="T105">
                      <a:pos x="T14" y="T15"/>
                    </a:cxn>
                    <a:cxn ang="T106">
                      <a:pos x="T16" y="T17"/>
                    </a:cxn>
                    <a:cxn ang="T107">
                      <a:pos x="T18" y="T19"/>
                    </a:cxn>
                    <a:cxn ang="T108">
                      <a:pos x="T20" y="T21"/>
                    </a:cxn>
                    <a:cxn ang="T109">
                      <a:pos x="T22" y="T23"/>
                    </a:cxn>
                    <a:cxn ang="T110">
                      <a:pos x="T24" y="T25"/>
                    </a:cxn>
                    <a:cxn ang="T111">
                      <a:pos x="T26" y="T27"/>
                    </a:cxn>
                    <a:cxn ang="T112">
                      <a:pos x="T28" y="T29"/>
                    </a:cxn>
                    <a:cxn ang="T113">
                      <a:pos x="T30" y="T31"/>
                    </a:cxn>
                    <a:cxn ang="T114">
                      <a:pos x="T32" y="T33"/>
                    </a:cxn>
                    <a:cxn ang="T115">
                      <a:pos x="T34" y="T35"/>
                    </a:cxn>
                    <a:cxn ang="T116">
                      <a:pos x="T36" y="T37"/>
                    </a:cxn>
                    <a:cxn ang="T117">
                      <a:pos x="T38" y="T39"/>
                    </a:cxn>
                    <a:cxn ang="T118">
                      <a:pos x="T40" y="T41"/>
                    </a:cxn>
                    <a:cxn ang="T119">
                      <a:pos x="T42" y="T43"/>
                    </a:cxn>
                    <a:cxn ang="T120">
                      <a:pos x="T44" y="T45"/>
                    </a:cxn>
                    <a:cxn ang="T121">
                      <a:pos x="T46" y="T47"/>
                    </a:cxn>
                    <a:cxn ang="T122">
                      <a:pos x="T48" y="T49"/>
                    </a:cxn>
                    <a:cxn ang="T123">
                      <a:pos x="T50" y="T51"/>
                    </a:cxn>
                    <a:cxn ang="T124">
                      <a:pos x="T52" y="T53"/>
                    </a:cxn>
                    <a:cxn ang="T125">
                      <a:pos x="T54" y="T55"/>
                    </a:cxn>
                    <a:cxn ang="T126">
                      <a:pos x="T56" y="T57"/>
                    </a:cxn>
                    <a:cxn ang="T127">
                      <a:pos x="T58" y="T59"/>
                    </a:cxn>
                    <a:cxn ang="T128">
                      <a:pos x="T60" y="T61"/>
                    </a:cxn>
                    <a:cxn ang="T129">
                      <a:pos x="T62" y="T63"/>
                    </a:cxn>
                    <a:cxn ang="T130">
                      <a:pos x="T64" y="T65"/>
                    </a:cxn>
                    <a:cxn ang="T131">
                      <a:pos x="T66" y="T67"/>
                    </a:cxn>
                    <a:cxn ang="T132">
                      <a:pos x="T68" y="T69"/>
                    </a:cxn>
                    <a:cxn ang="T133">
                      <a:pos x="T70" y="T71"/>
                    </a:cxn>
                    <a:cxn ang="T134">
                      <a:pos x="T72" y="T73"/>
                    </a:cxn>
                    <a:cxn ang="T135">
                      <a:pos x="T74" y="T75"/>
                    </a:cxn>
                    <a:cxn ang="T136">
                      <a:pos x="T76" y="T77"/>
                    </a:cxn>
                    <a:cxn ang="T137">
                      <a:pos x="T78" y="T79"/>
                    </a:cxn>
                    <a:cxn ang="T138">
                      <a:pos x="T80" y="T81"/>
                    </a:cxn>
                    <a:cxn ang="T139">
                      <a:pos x="T82" y="T83"/>
                    </a:cxn>
                    <a:cxn ang="T140">
                      <a:pos x="T84" y="T85"/>
                    </a:cxn>
                    <a:cxn ang="T141">
                      <a:pos x="T86" y="T87"/>
                    </a:cxn>
                    <a:cxn ang="T142">
                      <a:pos x="T88" y="T89"/>
                    </a:cxn>
                    <a:cxn ang="T143">
                      <a:pos x="T90" y="T91"/>
                    </a:cxn>
                    <a:cxn ang="T144">
                      <a:pos x="T92" y="T93"/>
                    </a:cxn>
                    <a:cxn ang="T145">
                      <a:pos x="T94" y="T95"/>
                    </a:cxn>
                    <a:cxn ang="T146">
                      <a:pos x="T96" y="T97"/>
                    </a:cxn>
                  </a:cxnLst>
                  <a:rect l="0" t="0" r="r" b="b"/>
                  <a:pathLst>
                    <a:path w="98" h="202">
                      <a:moveTo>
                        <a:pt x="0" y="58"/>
                      </a:moveTo>
                      <a:lnTo>
                        <a:pt x="22" y="58"/>
                      </a:lnTo>
                      <a:lnTo>
                        <a:pt x="22" y="47"/>
                      </a:lnTo>
                      <a:lnTo>
                        <a:pt x="22" y="44"/>
                      </a:lnTo>
                      <a:lnTo>
                        <a:pt x="22" y="40"/>
                      </a:lnTo>
                      <a:lnTo>
                        <a:pt x="22" y="38"/>
                      </a:lnTo>
                      <a:lnTo>
                        <a:pt x="22" y="36"/>
                      </a:lnTo>
                      <a:lnTo>
                        <a:pt x="22" y="34"/>
                      </a:lnTo>
                      <a:lnTo>
                        <a:pt x="22" y="30"/>
                      </a:lnTo>
                      <a:lnTo>
                        <a:pt x="23" y="29"/>
                      </a:lnTo>
                      <a:lnTo>
                        <a:pt x="23" y="27"/>
                      </a:lnTo>
                      <a:lnTo>
                        <a:pt x="23" y="25"/>
                      </a:lnTo>
                      <a:lnTo>
                        <a:pt x="24" y="22"/>
                      </a:lnTo>
                      <a:lnTo>
                        <a:pt x="24" y="21"/>
                      </a:lnTo>
                      <a:lnTo>
                        <a:pt x="25" y="20"/>
                      </a:lnTo>
                      <a:lnTo>
                        <a:pt x="25" y="18"/>
                      </a:lnTo>
                      <a:lnTo>
                        <a:pt x="26" y="17"/>
                      </a:lnTo>
                      <a:lnTo>
                        <a:pt x="27" y="16"/>
                      </a:lnTo>
                      <a:lnTo>
                        <a:pt x="28" y="13"/>
                      </a:lnTo>
                      <a:lnTo>
                        <a:pt x="29" y="12"/>
                      </a:lnTo>
                      <a:lnTo>
                        <a:pt x="30" y="11"/>
                      </a:lnTo>
                      <a:lnTo>
                        <a:pt x="32" y="10"/>
                      </a:lnTo>
                      <a:lnTo>
                        <a:pt x="33" y="9"/>
                      </a:lnTo>
                      <a:lnTo>
                        <a:pt x="34" y="8"/>
                      </a:lnTo>
                      <a:lnTo>
                        <a:pt x="36" y="7"/>
                      </a:lnTo>
                      <a:lnTo>
                        <a:pt x="37" y="6"/>
                      </a:lnTo>
                      <a:lnTo>
                        <a:pt x="39" y="6"/>
                      </a:lnTo>
                      <a:lnTo>
                        <a:pt x="41" y="4"/>
                      </a:lnTo>
                      <a:lnTo>
                        <a:pt x="43" y="3"/>
                      </a:lnTo>
                      <a:lnTo>
                        <a:pt x="45" y="2"/>
                      </a:lnTo>
                      <a:lnTo>
                        <a:pt x="47" y="2"/>
                      </a:lnTo>
                      <a:lnTo>
                        <a:pt x="49" y="1"/>
                      </a:lnTo>
                      <a:lnTo>
                        <a:pt x="52" y="1"/>
                      </a:lnTo>
                      <a:lnTo>
                        <a:pt x="54" y="0"/>
                      </a:lnTo>
                      <a:lnTo>
                        <a:pt x="56" y="0"/>
                      </a:lnTo>
                      <a:lnTo>
                        <a:pt x="58" y="0"/>
                      </a:lnTo>
                      <a:lnTo>
                        <a:pt x="61" y="0"/>
                      </a:lnTo>
                      <a:lnTo>
                        <a:pt x="63" y="0"/>
                      </a:lnTo>
                      <a:lnTo>
                        <a:pt x="66" y="0"/>
                      </a:lnTo>
                      <a:lnTo>
                        <a:pt x="68" y="0"/>
                      </a:lnTo>
                      <a:lnTo>
                        <a:pt x="71" y="0"/>
                      </a:lnTo>
                      <a:lnTo>
                        <a:pt x="74" y="0"/>
                      </a:lnTo>
                      <a:lnTo>
                        <a:pt x="76" y="0"/>
                      </a:lnTo>
                      <a:lnTo>
                        <a:pt x="79" y="0"/>
                      </a:lnTo>
                      <a:lnTo>
                        <a:pt x="82" y="1"/>
                      </a:lnTo>
                      <a:lnTo>
                        <a:pt x="84" y="1"/>
                      </a:lnTo>
                      <a:lnTo>
                        <a:pt x="86" y="1"/>
                      </a:lnTo>
                      <a:lnTo>
                        <a:pt x="90" y="2"/>
                      </a:lnTo>
                      <a:lnTo>
                        <a:pt x="92" y="2"/>
                      </a:lnTo>
                      <a:lnTo>
                        <a:pt x="94" y="3"/>
                      </a:lnTo>
                      <a:lnTo>
                        <a:pt x="98" y="4"/>
                      </a:lnTo>
                      <a:lnTo>
                        <a:pt x="93" y="31"/>
                      </a:lnTo>
                      <a:lnTo>
                        <a:pt x="91" y="30"/>
                      </a:lnTo>
                      <a:lnTo>
                        <a:pt x="90" y="30"/>
                      </a:lnTo>
                      <a:lnTo>
                        <a:pt x="87" y="30"/>
                      </a:lnTo>
                      <a:lnTo>
                        <a:pt x="86" y="29"/>
                      </a:lnTo>
                      <a:lnTo>
                        <a:pt x="85" y="29"/>
                      </a:lnTo>
                      <a:lnTo>
                        <a:pt x="83" y="29"/>
                      </a:lnTo>
                      <a:lnTo>
                        <a:pt x="82" y="29"/>
                      </a:lnTo>
                      <a:lnTo>
                        <a:pt x="81" y="29"/>
                      </a:lnTo>
                      <a:lnTo>
                        <a:pt x="79" y="29"/>
                      </a:lnTo>
                      <a:lnTo>
                        <a:pt x="77" y="29"/>
                      </a:lnTo>
                      <a:lnTo>
                        <a:pt x="76" y="29"/>
                      </a:lnTo>
                      <a:lnTo>
                        <a:pt x="75" y="29"/>
                      </a:lnTo>
                      <a:lnTo>
                        <a:pt x="73" y="29"/>
                      </a:lnTo>
                      <a:lnTo>
                        <a:pt x="72" y="29"/>
                      </a:lnTo>
                      <a:lnTo>
                        <a:pt x="71" y="29"/>
                      </a:lnTo>
                      <a:lnTo>
                        <a:pt x="70" y="29"/>
                      </a:lnTo>
                      <a:lnTo>
                        <a:pt x="68" y="29"/>
                      </a:lnTo>
                      <a:lnTo>
                        <a:pt x="67" y="30"/>
                      </a:lnTo>
                      <a:lnTo>
                        <a:pt x="66" y="30"/>
                      </a:lnTo>
                      <a:lnTo>
                        <a:pt x="65" y="30"/>
                      </a:lnTo>
                      <a:lnTo>
                        <a:pt x="64" y="31"/>
                      </a:lnTo>
                      <a:lnTo>
                        <a:pt x="63" y="32"/>
                      </a:lnTo>
                      <a:lnTo>
                        <a:pt x="63" y="34"/>
                      </a:lnTo>
                      <a:lnTo>
                        <a:pt x="62" y="34"/>
                      </a:lnTo>
                      <a:lnTo>
                        <a:pt x="62" y="35"/>
                      </a:lnTo>
                      <a:lnTo>
                        <a:pt x="61" y="35"/>
                      </a:lnTo>
                      <a:lnTo>
                        <a:pt x="61" y="36"/>
                      </a:lnTo>
                      <a:lnTo>
                        <a:pt x="61" y="37"/>
                      </a:lnTo>
                      <a:lnTo>
                        <a:pt x="60" y="38"/>
                      </a:lnTo>
                      <a:lnTo>
                        <a:pt x="60" y="39"/>
                      </a:lnTo>
                      <a:lnTo>
                        <a:pt x="60" y="41"/>
                      </a:lnTo>
                      <a:lnTo>
                        <a:pt x="60" y="42"/>
                      </a:lnTo>
                      <a:lnTo>
                        <a:pt x="60" y="44"/>
                      </a:lnTo>
                      <a:lnTo>
                        <a:pt x="60" y="46"/>
                      </a:lnTo>
                      <a:lnTo>
                        <a:pt x="60" y="48"/>
                      </a:lnTo>
                      <a:lnTo>
                        <a:pt x="60" y="58"/>
                      </a:lnTo>
                      <a:lnTo>
                        <a:pt x="87" y="58"/>
                      </a:lnTo>
                      <a:lnTo>
                        <a:pt x="87" y="88"/>
                      </a:lnTo>
                      <a:lnTo>
                        <a:pt x="60" y="88"/>
                      </a:lnTo>
                      <a:lnTo>
                        <a:pt x="60" y="202"/>
                      </a:lnTo>
                      <a:lnTo>
                        <a:pt x="22" y="202"/>
                      </a:lnTo>
                      <a:lnTo>
                        <a:pt x="22" y="88"/>
                      </a:lnTo>
                      <a:lnTo>
                        <a:pt x="0" y="88"/>
                      </a:lnTo>
                      <a:lnTo>
                        <a:pt x="0" y="58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</p:grpSp>
          <p:grpSp>
            <p:nvGrpSpPr>
              <p:cNvPr id="12" name="Group 55">
                <a:extLst>
                  <a:ext uri="{FF2B5EF4-FFF2-40B4-BE49-F238E27FC236}">
                    <a16:creationId xmlns:a16="http://schemas.microsoft.com/office/drawing/2014/main" id="{158F6A39-1E60-44F7-BC77-EDDEA5A8AF90}"/>
                  </a:ext>
                </a:extLst>
              </p:cNvPr>
              <p:cNvGrpSpPr>
                <a:grpSpLocks/>
              </p:cNvGrpSpPr>
              <p:nvPr/>
            </p:nvGrpSpPr>
            <p:grpSpPr bwMode="auto">
              <a:xfrm>
                <a:off x="3821625" y="4711796"/>
                <a:ext cx="1354975" cy="1274638"/>
                <a:chOff x="1541" y="2352"/>
                <a:chExt cx="1181" cy="1237"/>
              </a:xfrm>
            </p:grpSpPr>
            <p:sp>
              <p:nvSpPr>
                <p:cNvPr id="17" name="Freeform 56">
                  <a:extLst>
                    <a:ext uri="{FF2B5EF4-FFF2-40B4-BE49-F238E27FC236}">
                      <a16:creationId xmlns:a16="http://schemas.microsoft.com/office/drawing/2014/main" id="{E3106FDA-F3A4-49AF-B1E8-02ABA349B30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5" y="1187"/>
                      </a:lnTo>
                      <a:lnTo>
                        <a:pt x="2044" y="1257"/>
                      </a:lnTo>
                      <a:lnTo>
                        <a:pt x="2044" y="1344"/>
                      </a:lnTo>
                      <a:lnTo>
                        <a:pt x="2035" y="1414"/>
                      </a:lnTo>
                      <a:lnTo>
                        <a:pt x="2016" y="1452"/>
                      </a:lnTo>
                      <a:lnTo>
                        <a:pt x="2016" y="1522"/>
                      </a:lnTo>
                      <a:lnTo>
                        <a:pt x="2094" y="1464"/>
                      </a:lnTo>
                      <a:lnTo>
                        <a:pt x="2305" y="1262"/>
                      </a:lnTo>
                      <a:lnTo>
                        <a:pt x="2360" y="1216"/>
                      </a:lnTo>
                      <a:lnTo>
                        <a:pt x="2342" y="1306"/>
                      </a:lnTo>
                      <a:lnTo>
                        <a:pt x="2305" y="1401"/>
                      </a:lnTo>
                      <a:lnTo>
                        <a:pt x="2268" y="1484"/>
                      </a:lnTo>
                      <a:lnTo>
                        <a:pt x="2250" y="1564"/>
                      </a:lnTo>
                      <a:lnTo>
                        <a:pt x="2250" y="1650"/>
                      </a:lnTo>
                      <a:lnTo>
                        <a:pt x="2227" y="1729"/>
                      </a:lnTo>
                      <a:lnTo>
                        <a:pt x="2204" y="1824"/>
                      </a:lnTo>
                      <a:lnTo>
                        <a:pt x="2185" y="1910"/>
                      </a:lnTo>
                      <a:lnTo>
                        <a:pt x="2126" y="2027"/>
                      </a:lnTo>
                      <a:lnTo>
                        <a:pt x="2048" y="2122"/>
                      </a:lnTo>
                      <a:lnTo>
                        <a:pt x="1965" y="2221"/>
                      </a:lnTo>
                      <a:lnTo>
                        <a:pt x="1878" y="2292"/>
                      </a:lnTo>
                      <a:lnTo>
                        <a:pt x="1787" y="2341"/>
                      </a:lnTo>
                      <a:lnTo>
                        <a:pt x="1708" y="2378"/>
                      </a:lnTo>
                      <a:lnTo>
                        <a:pt x="1611" y="2416"/>
                      </a:lnTo>
                      <a:lnTo>
                        <a:pt x="1524" y="2436"/>
                      </a:lnTo>
                      <a:lnTo>
                        <a:pt x="1456" y="2461"/>
                      </a:lnTo>
                      <a:lnTo>
                        <a:pt x="1299" y="2469"/>
                      </a:lnTo>
                      <a:lnTo>
                        <a:pt x="1363" y="2424"/>
                      </a:lnTo>
                      <a:lnTo>
                        <a:pt x="1428" y="2353"/>
                      </a:lnTo>
                      <a:lnTo>
                        <a:pt x="1474" y="2283"/>
                      </a:lnTo>
                      <a:lnTo>
                        <a:pt x="1520" y="2212"/>
                      </a:lnTo>
                      <a:lnTo>
                        <a:pt x="1584" y="2117"/>
                      </a:lnTo>
                      <a:lnTo>
                        <a:pt x="1602" y="2039"/>
                      </a:lnTo>
                      <a:lnTo>
                        <a:pt x="1630" y="1956"/>
                      </a:lnTo>
                      <a:lnTo>
                        <a:pt x="1616" y="1910"/>
                      </a:lnTo>
                      <a:lnTo>
                        <a:pt x="1589" y="1898"/>
                      </a:lnTo>
                      <a:lnTo>
                        <a:pt x="1561" y="1927"/>
                      </a:lnTo>
                      <a:lnTo>
                        <a:pt x="1506" y="1964"/>
                      </a:lnTo>
                      <a:lnTo>
                        <a:pt x="1460" y="1998"/>
                      </a:lnTo>
                      <a:lnTo>
                        <a:pt x="1428" y="2022"/>
                      </a:lnTo>
                      <a:lnTo>
                        <a:pt x="1414" y="2047"/>
                      </a:lnTo>
                      <a:lnTo>
                        <a:pt x="1378" y="2047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50" y="2258"/>
                      </a:lnTo>
                      <a:lnTo>
                        <a:pt x="928" y="2329"/>
                      </a:lnTo>
                      <a:lnTo>
                        <a:pt x="983" y="2365"/>
                      </a:lnTo>
                      <a:lnTo>
                        <a:pt x="1044" y="2390"/>
                      </a:lnTo>
                      <a:lnTo>
                        <a:pt x="1121" y="2411"/>
                      </a:lnTo>
                      <a:lnTo>
                        <a:pt x="1221" y="2448"/>
                      </a:lnTo>
                      <a:lnTo>
                        <a:pt x="1103" y="2473"/>
                      </a:lnTo>
                      <a:lnTo>
                        <a:pt x="983" y="2473"/>
                      </a:lnTo>
                      <a:lnTo>
                        <a:pt x="874" y="2473"/>
                      </a:lnTo>
                      <a:lnTo>
                        <a:pt x="731" y="2431"/>
                      </a:lnTo>
                      <a:lnTo>
                        <a:pt x="630" y="2399"/>
                      </a:lnTo>
                      <a:lnTo>
                        <a:pt x="511" y="2341"/>
                      </a:lnTo>
                      <a:lnTo>
                        <a:pt x="409" y="2275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CC4064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18" name="Freeform 57">
                  <a:extLst>
                    <a:ext uri="{FF2B5EF4-FFF2-40B4-BE49-F238E27FC236}">
                      <a16:creationId xmlns:a16="http://schemas.microsoft.com/office/drawing/2014/main" id="{7F890A6C-5600-4B36-BA4A-7E315E193B9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5" y="1187"/>
                      </a:lnTo>
                      <a:lnTo>
                        <a:pt x="2044" y="1257"/>
                      </a:lnTo>
                      <a:lnTo>
                        <a:pt x="2044" y="1344"/>
                      </a:lnTo>
                      <a:lnTo>
                        <a:pt x="2035" y="1414"/>
                      </a:lnTo>
                      <a:lnTo>
                        <a:pt x="2016" y="1452"/>
                      </a:lnTo>
                      <a:lnTo>
                        <a:pt x="2016" y="1522"/>
                      </a:lnTo>
                      <a:lnTo>
                        <a:pt x="2094" y="1464"/>
                      </a:lnTo>
                      <a:lnTo>
                        <a:pt x="2305" y="1262"/>
                      </a:lnTo>
                      <a:lnTo>
                        <a:pt x="2360" y="1216"/>
                      </a:lnTo>
                      <a:lnTo>
                        <a:pt x="2342" y="1306"/>
                      </a:lnTo>
                      <a:lnTo>
                        <a:pt x="2305" y="1401"/>
                      </a:lnTo>
                      <a:lnTo>
                        <a:pt x="2268" y="1484"/>
                      </a:lnTo>
                      <a:lnTo>
                        <a:pt x="2250" y="1564"/>
                      </a:lnTo>
                      <a:lnTo>
                        <a:pt x="2250" y="1650"/>
                      </a:lnTo>
                      <a:lnTo>
                        <a:pt x="2227" y="1729"/>
                      </a:lnTo>
                      <a:lnTo>
                        <a:pt x="2204" y="1824"/>
                      </a:lnTo>
                      <a:lnTo>
                        <a:pt x="2185" y="1910"/>
                      </a:lnTo>
                      <a:lnTo>
                        <a:pt x="2126" y="2027"/>
                      </a:lnTo>
                      <a:lnTo>
                        <a:pt x="2048" y="2122"/>
                      </a:lnTo>
                      <a:lnTo>
                        <a:pt x="1965" y="2221"/>
                      </a:lnTo>
                      <a:lnTo>
                        <a:pt x="1878" y="2292"/>
                      </a:lnTo>
                      <a:lnTo>
                        <a:pt x="1787" y="2341"/>
                      </a:lnTo>
                      <a:lnTo>
                        <a:pt x="1708" y="2378"/>
                      </a:lnTo>
                      <a:lnTo>
                        <a:pt x="1611" y="2416"/>
                      </a:lnTo>
                      <a:lnTo>
                        <a:pt x="1524" y="2436"/>
                      </a:lnTo>
                      <a:lnTo>
                        <a:pt x="1456" y="2461"/>
                      </a:lnTo>
                      <a:lnTo>
                        <a:pt x="1299" y="2469"/>
                      </a:lnTo>
                      <a:lnTo>
                        <a:pt x="1363" y="2424"/>
                      </a:lnTo>
                      <a:lnTo>
                        <a:pt x="1428" y="2353"/>
                      </a:lnTo>
                      <a:lnTo>
                        <a:pt x="1474" y="2283"/>
                      </a:lnTo>
                      <a:lnTo>
                        <a:pt x="1520" y="2212"/>
                      </a:lnTo>
                      <a:lnTo>
                        <a:pt x="1584" y="2117"/>
                      </a:lnTo>
                      <a:lnTo>
                        <a:pt x="1602" y="2039"/>
                      </a:lnTo>
                      <a:lnTo>
                        <a:pt x="1630" y="1956"/>
                      </a:lnTo>
                      <a:lnTo>
                        <a:pt x="1616" y="1910"/>
                      </a:lnTo>
                      <a:lnTo>
                        <a:pt x="1589" y="1898"/>
                      </a:lnTo>
                      <a:lnTo>
                        <a:pt x="1561" y="1927"/>
                      </a:lnTo>
                      <a:lnTo>
                        <a:pt x="1506" y="1964"/>
                      </a:lnTo>
                      <a:lnTo>
                        <a:pt x="1460" y="1998"/>
                      </a:lnTo>
                      <a:lnTo>
                        <a:pt x="1428" y="2022"/>
                      </a:lnTo>
                      <a:lnTo>
                        <a:pt x="1414" y="2047"/>
                      </a:lnTo>
                      <a:lnTo>
                        <a:pt x="1378" y="2047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50" y="2258"/>
                      </a:lnTo>
                      <a:lnTo>
                        <a:pt x="928" y="2329"/>
                      </a:lnTo>
                      <a:lnTo>
                        <a:pt x="983" y="2365"/>
                      </a:lnTo>
                      <a:lnTo>
                        <a:pt x="1044" y="2390"/>
                      </a:lnTo>
                      <a:lnTo>
                        <a:pt x="1121" y="2411"/>
                      </a:lnTo>
                      <a:lnTo>
                        <a:pt x="1221" y="2448"/>
                      </a:lnTo>
                      <a:lnTo>
                        <a:pt x="1103" y="2473"/>
                      </a:lnTo>
                      <a:lnTo>
                        <a:pt x="983" y="2473"/>
                      </a:lnTo>
                      <a:lnTo>
                        <a:pt x="874" y="2473"/>
                      </a:lnTo>
                      <a:lnTo>
                        <a:pt x="731" y="2431"/>
                      </a:lnTo>
                      <a:lnTo>
                        <a:pt x="630" y="2399"/>
                      </a:lnTo>
                      <a:lnTo>
                        <a:pt x="511" y="2341"/>
                      </a:lnTo>
                      <a:lnTo>
                        <a:pt x="409" y="2275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DE4F5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19" name="Freeform 58">
                  <a:extLst>
                    <a:ext uri="{FF2B5EF4-FFF2-40B4-BE49-F238E27FC236}">
                      <a16:creationId xmlns:a16="http://schemas.microsoft.com/office/drawing/2014/main" id="{ABAC4046-1E51-4AAB-A07C-ED2EC9D05EC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5" y="1187"/>
                      </a:lnTo>
                      <a:lnTo>
                        <a:pt x="2044" y="1257"/>
                      </a:lnTo>
                      <a:lnTo>
                        <a:pt x="2044" y="1344"/>
                      </a:lnTo>
                      <a:lnTo>
                        <a:pt x="2035" y="1414"/>
                      </a:lnTo>
                      <a:lnTo>
                        <a:pt x="2016" y="1452"/>
                      </a:lnTo>
                      <a:lnTo>
                        <a:pt x="2016" y="1522"/>
                      </a:lnTo>
                      <a:lnTo>
                        <a:pt x="2094" y="1464"/>
                      </a:lnTo>
                      <a:lnTo>
                        <a:pt x="2305" y="1262"/>
                      </a:lnTo>
                      <a:lnTo>
                        <a:pt x="2360" y="1216"/>
                      </a:lnTo>
                      <a:lnTo>
                        <a:pt x="2342" y="1306"/>
                      </a:lnTo>
                      <a:lnTo>
                        <a:pt x="2305" y="1401"/>
                      </a:lnTo>
                      <a:lnTo>
                        <a:pt x="2268" y="1484"/>
                      </a:lnTo>
                      <a:lnTo>
                        <a:pt x="2250" y="1564"/>
                      </a:lnTo>
                      <a:lnTo>
                        <a:pt x="2250" y="1650"/>
                      </a:lnTo>
                      <a:lnTo>
                        <a:pt x="2227" y="1729"/>
                      </a:lnTo>
                      <a:lnTo>
                        <a:pt x="2204" y="1824"/>
                      </a:lnTo>
                      <a:lnTo>
                        <a:pt x="2185" y="1910"/>
                      </a:lnTo>
                      <a:lnTo>
                        <a:pt x="2126" y="2027"/>
                      </a:lnTo>
                      <a:lnTo>
                        <a:pt x="2048" y="2122"/>
                      </a:lnTo>
                      <a:lnTo>
                        <a:pt x="1965" y="2221"/>
                      </a:lnTo>
                      <a:lnTo>
                        <a:pt x="1878" y="2292"/>
                      </a:lnTo>
                      <a:lnTo>
                        <a:pt x="1787" y="2341"/>
                      </a:lnTo>
                      <a:lnTo>
                        <a:pt x="1708" y="2378"/>
                      </a:lnTo>
                      <a:lnTo>
                        <a:pt x="1611" y="2416"/>
                      </a:lnTo>
                      <a:lnTo>
                        <a:pt x="1524" y="2436"/>
                      </a:lnTo>
                      <a:lnTo>
                        <a:pt x="1456" y="2461"/>
                      </a:lnTo>
                      <a:lnTo>
                        <a:pt x="1299" y="2469"/>
                      </a:lnTo>
                      <a:lnTo>
                        <a:pt x="1363" y="2424"/>
                      </a:lnTo>
                      <a:lnTo>
                        <a:pt x="1428" y="2353"/>
                      </a:lnTo>
                      <a:lnTo>
                        <a:pt x="1474" y="2283"/>
                      </a:lnTo>
                      <a:lnTo>
                        <a:pt x="1520" y="2212"/>
                      </a:lnTo>
                      <a:lnTo>
                        <a:pt x="1584" y="2117"/>
                      </a:lnTo>
                      <a:lnTo>
                        <a:pt x="1602" y="2039"/>
                      </a:lnTo>
                      <a:lnTo>
                        <a:pt x="1630" y="1956"/>
                      </a:lnTo>
                      <a:lnTo>
                        <a:pt x="1616" y="1910"/>
                      </a:lnTo>
                      <a:lnTo>
                        <a:pt x="1589" y="1898"/>
                      </a:lnTo>
                      <a:lnTo>
                        <a:pt x="1561" y="1927"/>
                      </a:lnTo>
                      <a:lnTo>
                        <a:pt x="1506" y="1964"/>
                      </a:lnTo>
                      <a:lnTo>
                        <a:pt x="1460" y="1998"/>
                      </a:lnTo>
                      <a:lnTo>
                        <a:pt x="1428" y="2022"/>
                      </a:lnTo>
                      <a:lnTo>
                        <a:pt x="1414" y="2047"/>
                      </a:lnTo>
                      <a:lnTo>
                        <a:pt x="1378" y="2047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50" y="2258"/>
                      </a:lnTo>
                      <a:lnTo>
                        <a:pt x="928" y="2329"/>
                      </a:lnTo>
                      <a:lnTo>
                        <a:pt x="983" y="2365"/>
                      </a:lnTo>
                      <a:lnTo>
                        <a:pt x="1044" y="2390"/>
                      </a:lnTo>
                      <a:lnTo>
                        <a:pt x="1121" y="2411"/>
                      </a:lnTo>
                      <a:lnTo>
                        <a:pt x="1221" y="2448"/>
                      </a:lnTo>
                      <a:lnTo>
                        <a:pt x="1103" y="2473"/>
                      </a:lnTo>
                      <a:lnTo>
                        <a:pt x="983" y="2473"/>
                      </a:lnTo>
                      <a:lnTo>
                        <a:pt x="874" y="2473"/>
                      </a:lnTo>
                      <a:lnTo>
                        <a:pt x="731" y="2431"/>
                      </a:lnTo>
                      <a:lnTo>
                        <a:pt x="630" y="2399"/>
                      </a:lnTo>
                      <a:lnTo>
                        <a:pt x="511" y="2341"/>
                      </a:lnTo>
                      <a:lnTo>
                        <a:pt x="409" y="2275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05D4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0" name="Freeform 59">
                  <a:extLst>
                    <a:ext uri="{FF2B5EF4-FFF2-40B4-BE49-F238E27FC236}">
                      <a16:creationId xmlns:a16="http://schemas.microsoft.com/office/drawing/2014/main" id="{D30E7C93-22BD-4C90-AB97-978E425522E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5" y="1187"/>
                      </a:lnTo>
                      <a:lnTo>
                        <a:pt x="2044" y="1257"/>
                      </a:lnTo>
                      <a:lnTo>
                        <a:pt x="2044" y="1344"/>
                      </a:lnTo>
                      <a:lnTo>
                        <a:pt x="2035" y="1414"/>
                      </a:lnTo>
                      <a:lnTo>
                        <a:pt x="2016" y="1452"/>
                      </a:lnTo>
                      <a:lnTo>
                        <a:pt x="2016" y="1522"/>
                      </a:lnTo>
                      <a:lnTo>
                        <a:pt x="2094" y="1464"/>
                      </a:lnTo>
                      <a:lnTo>
                        <a:pt x="2305" y="1262"/>
                      </a:lnTo>
                      <a:lnTo>
                        <a:pt x="2360" y="1216"/>
                      </a:lnTo>
                      <a:lnTo>
                        <a:pt x="2342" y="1306"/>
                      </a:lnTo>
                      <a:lnTo>
                        <a:pt x="2305" y="1401"/>
                      </a:lnTo>
                      <a:lnTo>
                        <a:pt x="2268" y="1484"/>
                      </a:lnTo>
                      <a:lnTo>
                        <a:pt x="2250" y="1564"/>
                      </a:lnTo>
                      <a:lnTo>
                        <a:pt x="2250" y="1650"/>
                      </a:lnTo>
                      <a:lnTo>
                        <a:pt x="2227" y="1729"/>
                      </a:lnTo>
                      <a:lnTo>
                        <a:pt x="2204" y="1824"/>
                      </a:lnTo>
                      <a:lnTo>
                        <a:pt x="2185" y="1910"/>
                      </a:lnTo>
                      <a:lnTo>
                        <a:pt x="2126" y="2027"/>
                      </a:lnTo>
                      <a:lnTo>
                        <a:pt x="2048" y="2122"/>
                      </a:lnTo>
                      <a:lnTo>
                        <a:pt x="1965" y="2221"/>
                      </a:lnTo>
                      <a:lnTo>
                        <a:pt x="1878" y="2292"/>
                      </a:lnTo>
                      <a:lnTo>
                        <a:pt x="1787" y="2341"/>
                      </a:lnTo>
                      <a:lnTo>
                        <a:pt x="1708" y="2378"/>
                      </a:lnTo>
                      <a:lnTo>
                        <a:pt x="1611" y="2416"/>
                      </a:lnTo>
                      <a:lnTo>
                        <a:pt x="1524" y="2436"/>
                      </a:lnTo>
                      <a:lnTo>
                        <a:pt x="1456" y="2461"/>
                      </a:lnTo>
                      <a:lnTo>
                        <a:pt x="1299" y="2469"/>
                      </a:lnTo>
                      <a:lnTo>
                        <a:pt x="1363" y="2424"/>
                      </a:lnTo>
                      <a:lnTo>
                        <a:pt x="1428" y="2353"/>
                      </a:lnTo>
                      <a:lnTo>
                        <a:pt x="1474" y="2283"/>
                      </a:lnTo>
                      <a:lnTo>
                        <a:pt x="1520" y="2212"/>
                      </a:lnTo>
                      <a:lnTo>
                        <a:pt x="1584" y="2117"/>
                      </a:lnTo>
                      <a:lnTo>
                        <a:pt x="1602" y="2039"/>
                      </a:lnTo>
                      <a:lnTo>
                        <a:pt x="1630" y="1956"/>
                      </a:lnTo>
                      <a:lnTo>
                        <a:pt x="1616" y="1910"/>
                      </a:lnTo>
                      <a:lnTo>
                        <a:pt x="1589" y="1898"/>
                      </a:lnTo>
                      <a:lnTo>
                        <a:pt x="1561" y="1927"/>
                      </a:lnTo>
                      <a:lnTo>
                        <a:pt x="1506" y="1964"/>
                      </a:lnTo>
                      <a:lnTo>
                        <a:pt x="1460" y="1998"/>
                      </a:lnTo>
                      <a:lnTo>
                        <a:pt x="1428" y="2022"/>
                      </a:lnTo>
                      <a:lnTo>
                        <a:pt x="1414" y="2047"/>
                      </a:lnTo>
                      <a:lnTo>
                        <a:pt x="1378" y="2047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50" y="2258"/>
                      </a:lnTo>
                      <a:lnTo>
                        <a:pt x="928" y="2329"/>
                      </a:lnTo>
                      <a:lnTo>
                        <a:pt x="983" y="2365"/>
                      </a:lnTo>
                      <a:lnTo>
                        <a:pt x="1044" y="2390"/>
                      </a:lnTo>
                      <a:lnTo>
                        <a:pt x="1121" y="2411"/>
                      </a:lnTo>
                      <a:lnTo>
                        <a:pt x="1221" y="2448"/>
                      </a:lnTo>
                      <a:lnTo>
                        <a:pt x="1103" y="2473"/>
                      </a:lnTo>
                      <a:lnTo>
                        <a:pt x="983" y="2473"/>
                      </a:lnTo>
                      <a:lnTo>
                        <a:pt x="874" y="2473"/>
                      </a:lnTo>
                      <a:lnTo>
                        <a:pt x="731" y="2431"/>
                      </a:lnTo>
                      <a:lnTo>
                        <a:pt x="630" y="2399"/>
                      </a:lnTo>
                      <a:lnTo>
                        <a:pt x="511" y="2341"/>
                      </a:lnTo>
                      <a:lnTo>
                        <a:pt x="409" y="2275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6B39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1" name="Freeform 60">
                  <a:extLst>
                    <a:ext uri="{FF2B5EF4-FFF2-40B4-BE49-F238E27FC236}">
                      <a16:creationId xmlns:a16="http://schemas.microsoft.com/office/drawing/2014/main" id="{37A8BD49-1C4B-4557-9E06-9DF4521F13E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2141" y="1996"/>
                      </a:moveTo>
                      <a:lnTo>
                        <a:pt x="2185" y="1910"/>
                      </a:lnTo>
                      <a:lnTo>
                        <a:pt x="2204" y="1824"/>
                      </a:lnTo>
                      <a:lnTo>
                        <a:pt x="2227" y="1729"/>
                      </a:lnTo>
                      <a:lnTo>
                        <a:pt x="2250" y="1650"/>
                      </a:lnTo>
                      <a:lnTo>
                        <a:pt x="2250" y="1564"/>
                      </a:lnTo>
                      <a:lnTo>
                        <a:pt x="2268" y="1484"/>
                      </a:lnTo>
                      <a:lnTo>
                        <a:pt x="2305" y="1401"/>
                      </a:lnTo>
                      <a:lnTo>
                        <a:pt x="2342" y="1306"/>
                      </a:lnTo>
                      <a:lnTo>
                        <a:pt x="2360" y="1216"/>
                      </a:lnTo>
                      <a:lnTo>
                        <a:pt x="2305" y="1262"/>
                      </a:lnTo>
                      <a:lnTo>
                        <a:pt x="2094" y="1464"/>
                      </a:lnTo>
                      <a:lnTo>
                        <a:pt x="2016" y="1522"/>
                      </a:lnTo>
                      <a:lnTo>
                        <a:pt x="2016" y="1452"/>
                      </a:lnTo>
                      <a:lnTo>
                        <a:pt x="2035" y="1414"/>
                      </a:lnTo>
                      <a:lnTo>
                        <a:pt x="2044" y="1344"/>
                      </a:lnTo>
                      <a:lnTo>
                        <a:pt x="2044" y="1257"/>
                      </a:lnTo>
                      <a:lnTo>
                        <a:pt x="2035" y="1187"/>
                      </a:lnTo>
                      <a:lnTo>
                        <a:pt x="2029" y="1116"/>
                      </a:lnTo>
                      <a:lnTo>
                        <a:pt x="2007" y="1038"/>
                      </a:lnTo>
                      <a:lnTo>
                        <a:pt x="1956" y="955"/>
                      </a:lnTo>
                      <a:lnTo>
                        <a:pt x="1896" y="906"/>
                      </a:lnTo>
                      <a:lnTo>
                        <a:pt x="1878" y="955"/>
                      </a:lnTo>
                      <a:lnTo>
                        <a:pt x="1864" y="1017"/>
                      </a:lnTo>
                      <a:lnTo>
                        <a:pt x="1846" y="1108"/>
                      </a:lnTo>
                      <a:lnTo>
                        <a:pt x="1832" y="1187"/>
                      </a:lnTo>
                      <a:lnTo>
                        <a:pt x="1787" y="1249"/>
                      </a:lnTo>
                      <a:lnTo>
                        <a:pt x="1754" y="1306"/>
                      </a:lnTo>
                      <a:lnTo>
                        <a:pt x="1704" y="1357"/>
                      </a:lnTo>
                      <a:lnTo>
                        <a:pt x="1644" y="1377"/>
                      </a:lnTo>
                      <a:lnTo>
                        <a:pt x="1667" y="1224"/>
                      </a:lnTo>
                      <a:lnTo>
                        <a:pt x="1663" y="1133"/>
                      </a:lnTo>
                      <a:lnTo>
                        <a:pt x="1652" y="1046"/>
                      </a:lnTo>
                      <a:lnTo>
                        <a:pt x="1639" y="975"/>
                      </a:lnTo>
                      <a:lnTo>
                        <a:pt x="1602" y="906"/>
                      </a:lnTo>
                      <a:lnTo>
                        <a:pt x="1574" y="827"/>
                      </a:lnTo>
                      <a:lnTo>
                        <a:pt x="1533" y="744"/>
                      </a:lnTo>
                      <a:lnTo>
                        <a:pt x="1492" y="653"/>
                      </a:lnTo>
                      <a:lnTo>
                        <a:pt x="1441" y="591"/>
                      </a:lnTo>
                      <a:lnTo>
                        <a:pt x="1432" y="711"/>
                      </a:lnTo>
                      <a:lnTo>
                        <a:pt x="1428" y="782"/>
                      </a:lnTo>
                      <a:lnTo>
                        <a:pt x="1414" y="851"/>
                      </a:lnTo>
                      <a:lnTo>
                        <a:pt x="1378" y="909"/>
                      </a:lnTo>
                      <a:lnTo>
                        <a:pt x="1336" y="943"/>
                      </a:lnTo>
                      <a:lnTo>
                        <a:pt x="1336" y="839"/>
                      </a:lnTo>
                      <a:lnTo>
                        <a:pt x="1317" y="768"/>
                      </a:lnTo>
                      <a:lnTo>
                        <a:pt x="1304" y="682"/>
                      </a:lnTo>
                      <a:lnTo>
                        <a:pt x="1276" y="600"/>
                      </a:lnTo>
                      <a:lnTo>
                        <a:pt x="1244" y="529"/>
                      </a:lnTo>
                      <a:lnTo>
                        <a:pt x="1212" y="446"/>
                      </a:lnTo>
                      <a:lnTo>
                        <a:pt x="1172" y="376"/>
                      </a:lnTo>
                      <a:lnTo>
                        <a:pt x="1135" y="305"/>
                      </a:lnTo>
                      <a:lnTo>
                        <a:pt x="1103" y="235"/>
                      </a:lnTo>
                      <a:lnTo>
                        <a:pt x="1057" y="165"/>
                      </a:lnTo>
                      <a:lnTo>
                        <a:pt x="1029" y="82"/>
                      </a:lnTo>
                      <a:lnTo>
                        <a:pt x="997" y="0"/>
                      </a:lnTo>
                      <a:lnTo>
                        <a:pt x="951" y="86"/>
                      </a:lnTo>
                      <a:lnTo>
                        <a:pt x="924" y="169"/>
                      </a:lnTo>
                      <a:lnTo>
                        <a:pt x="905" y="285"/>
                      </a:lnTo>
                      <a:lnTo>
                        <a:pt x="928" y="417"/>
                      </a:lnTo>
                      <a:lnTo>
                        <a:pt x="956" y="541"/>
                      </a:lnTo>
                      <a:lnTo>
                        <a:pt x="970" y="636"/>
                      </a:lnTo>
                      <a:lnTo>
                        <a:pt x="928" y="719"/>
                      </a:lnTo>
                      <a:lnTo>
                        <a:pt x="859" y="653"/>
                      </a:lnTo>
                      <a:lnTo>
                        <a:pt x="772" y="616"/>
                      </a:lnTo>
                      <a:lnTo>
                        <a:pt x="639" y="558"/>
                      </a:lnTo>
                      <a:lnTo>
                        <a:pt x="519" y="546"/>
                      </a:lnTo>
                      <a:lnTo>
                        <a:pt x="561" y="612"/>
                      </a:lnTo>
                      <a:lnTo>
                        <a:pt x="616" y="653"/>
                      </a:lnTo>
                      <a:lnTo>
                        <a:pt x="680" y="753"/>
                      </a:lnTo>
                      <a:lnTo>
                        <a:pt x="676" y="836"/>
                      </a:lnTo>
                      <a:lnTo>
                        <a:pt x="680" y="918"/>
                      </a:lnTo>
                      <a:lnTo>
                        <a:pt x="667" y="1004"/>
                      </a:lnTo>
                      <a:lnTo>
                        <a:pt x="639" y="1075"/>
                      </a:lnTo>
                      <a:lnTo>
                        <a:pt x="643" y="1204"/>
                      </a:lnTo>
                      <a:lnTo>
                        <a:pt x="616" y="1187"/>
                      </a:lnTo>
                      <a:lnTo>
                        <a:pt x="561" y="1116"/>
                      </a:lnTo>
                      <a:lnTo>
                        <a:pt x="496" y="1084"/>
                      </a:lnTo>
                      <a:lnTo>
                        <a:pt x="409" y="1038"/>
                      </a:lnTo>
                      <a:lnTo>
                        <a:pt x="304" y="1038"/>
                      </a:lnTo>
                      <a:lnTo>
                        <a:pt x="354" y="1063"/>
                      </a:lnTo>
                      <a:lnTo>
                        <a:pt x="404" y="1121"/>
                      </a:lnTo>
                      <a:lnTo>
                        <a:pt x="446" y="1199"/>
                      </a:lnTo>
                      <a:lnTo>
                        <a:pt x="469" y="1286"/>
                      </a:lnTo>
                      <a:lnTo>
                        <a:pt x="483" y="1357"/>
                      </a:lnTo>
                      <a:lnTo>
                        <a:pt x="469" y="1452"/>
                      </a:lnTo>
                      <a:lnTo>
                        <a:pt x="455" y="1530"/>
                      </a:lnTo>
                      <a:lnTo>
                        <a:pt x="419" y="1605"/>
                      </a:lnTo>
                      <a:lnTo>
                        <a:pt x="350" y="1555"/>
                      </a:lnTo>
                      <a:lnTo>
                        <a:pt x="299" y="1493"/>
                      </a:lnTo>
                      <a:lnTo>
                        <a:pt x="207" y="1439"/>
                      </a:lnTo>
                      <a:lnTo>
                        <a:pt x="115" y="1401"/>
                      </a:lnTo>
                      <a:lnTo>
                        <a:pt x="0" y="1410"/>
                      </a:lnTo>
                      <a:lnTo>
                        <a:pt x="78" y="1497"/>
                      </a:lnTo>
                      <a:lnTo>
                        <a:pt x="134" y="1564"/>
                      </a:lnTo>
                      <a:lnTo>
                        <a:pt x="193" y="1637"/>
                      </a:lnTo>
                      <a:lnTo>
                        <a:pt x="226" y="1732"/>
                      </a:lnTo>
                      <a:lnTo>
                        <a:pt x="276" y="1836"/>
                      </a:lnTo>
                      <a:lnTo>
                        <a:pt x="304" y="1956"/>
                      </a:lnTo>
                      <a:lnTo>
                        <a:pt x="317" y="2080"/>
                      </a:lnTo>
                      <a:lnTo>
                        <a:pt x="363" y="2200"/>
                      </a:lnTo>
                      <a:lnTo>
                        <a:pt x="409" y="2275"/>
                      </a:lnTo>
                      <a:lnTo>
                        <a:pt x="511" y="2341"/>
                      </a:lnTo>
                      <a:lnTo>
                        <a:pt x="630" y="2399"/>
                      </a:lnTo>
                      <a:lnTo>
                        <a:pt x="731" y="2431"/>
                      </a:lnTo>
                      <a:lnTo>
                        <a:pt x="874" y="2473"/>
                      </a:lnTo>
                      <a:lnTo>
                        <a:pt x="983" y="2473"/>
                      </a:lnTo>
                      <a:lnTo>
                        <a:pt x="1103" y="2473"/>
                      </a:lnTo>
                      <a:lnTo>
                        <a:pt x="1221" y="2448"/>
                      </a:lnTo>
                      <a:lnTo>
                        <a:pt x="1121" y="2411"/>
                      </a:lnTo>
                      <a:lnTo>
                        <a:pt x="1044" y="2390"/>
                      </a:lnTo>
                      <a:lnTo>
                        <a:pt x="983" y="2365"/>
                      </a:lnTo>
                      <a:lnTo>
                        <a:pt x="928" y="2329"/>
                      </a:lnTo>
                      <a:lnTo>
                        <a:pt x="850" y="2258"/>
                      </a:lnTo>
                      <a:lnTo>
                        <a:pt x="795" y="2188"/>
                      </a:lnTo>
                      <a:lnTo>
                        <a:pt x="750" y="2122"/>
                      </a:lnTo>
                      <a:lnTo>
                        <a:pt x="717" y="2027"/>
                      </a:lnTo>
                      <a:lnTo>
                        <a:pt x="703" y="1964"/>
                      </a:lnTo>
                      <a:lnTo>
                        <a:pt x="795" y="1981"/>
                      </a:lnTo>
                      <a:lnTo>
                        <a:pt x="781" y="1939"/>
                      </a:lnTo>
                      <a:lnTo>
                        <a:pt x="772" y="1803"/>
                      </a:lnTo>
                      <a:lnTo>
                        <a:pt x="864" y="1881"/>
                      </a:lnTo>
                      <a:lnTo>
                        <a:pt x="992" y="2027"/>
                      </a:lnTo>
                      <a:lnTo>
                        <a:pt x="979" y="1981"/>
                      </a:lnTo>
                      <a:lnTo>
                        <a:pt x="970" y="1910"/>
                      </a:lnTo>
                      <a:lnTo>
                        <a:pt x="965" y="1849"/>
                      </a:lnTo>
                      <a:lnTo>
                        <a:pt x="956" y="1675"/>
                      </a:lnTo>
                      <a:lnTo>
                        <a:pt x="970" y="1625"/>
                      </a:lnTo>
                      <a:lnTo>
                        <a:pt x="1089" y="1729"/>
                      </a:lnTo>
                      <a:lnTo>
                        <a:pt x="1121" y="1696"/>
                      </a:lnTo>
                      <a:lnTo>
                        <a:pt x="1157" y="1637"/>
                      </a:lnTo>
                      <a:lnTo>
                        <a:pt x="1208" y="1518"/>
                      </a:lnTo>
                      <a:lnTo>
                        <a:pt x="1258" y="1435"/>
                      </a:lnTo>
                      <a:lnTo>
                        <a:pt x="1271" y="1460"/>
                      </a:lnTo>
                      <a:lnTo>
                        <a:pt x="1276" y="1542"/>
                      </a:lnTo>
                      <a:lnTo>
                        <a:pt x="1276" y="1650"/>
                      </a:lnTo>
                      <a:lnTo>
                        <a:pt x="1271" y="1758"/>
                      </a:lnTo>
                      <a:lnTo>
                        <a:pt x="1249" y="1869"/>
                      </a:lnTo>
                      <a:lnTo>
                        <a:pt x="1212" y="1932"/>
                      </a:lnTo>
                      <a:lnTo>
                        <a:pt x="1221" y="1990"/>
                      </a:lnTo>
                      <a:lnTo>
                        <a:pt x="1271" y="1944"/>
                      </a:lnTo>
                      <a:lnTo>
                        <a:pt x="1304" y="1895"/>
                      </a:lnTo>
                      <a:lnTo>
                        <a:pt x="1404" y="1824"/>
                      </a:lnTo>
                      <a:lnTo>
                        <a:pt x="1395" y="1927"/>
                      </a:lnTo>
                      <a:lnTo>
                        <a:pt x="1391" y="1964"/>
                      </a:lnTo>
                      <a:lnTo>
                        <a:pt x="1363" y="2034"/>
                      </a:lnTo>
                      <a:lnTo>
                        <a:pt x="1378" y="2047"/>
                      </a:lnTo>
                      <a:lnTo>
                        <a:pt x="1414" y="2047"/>
                      </a:lnTo>
                      <a:lnTo>
                        <a:pt x="1428" y="2022"/>
                      </a:lnTo>
                      <a:lnTo>
                        <a:pt x="1460" y="1998"/>
                      </a:lnTo>
                      <a:lnTo>
                        <a:pt x="1506" y="1964"/>
                      </a:lnTo>
                      <a:lnTo>
                        <a:pt x="1561" y="1927"/>
                      </a:lnTo>
                      <a:lnTo>
                        <a:pt x="1589" y="1898"/>
                      </a:lnTo>
                      <a:lnTo>
                        <a:pt x="1616" y="1910"/>
                      </a:lnTo>
                      <a:lnTo>
                        <a:pt x="1630" y="1956"/>
                      </a:lnTo>
                      <a:lnTo>
                        <a:pt x="1602" y="2039"/>
                      </a:lnTo>
                      <a:lnTo>
                        <a:pt x="1584" y="2117"/>
                      </a:lnTo>
                      <a:lnTo>
                        <a:pt x="1520" y="2212"/>
                      </a:lnTo>
                      <a:lnTo>
                        <a:pt x="1474" y="2283"/>
                      </a:lnTo>
                      <a:lnTo>
                        <a:pt x="1428" y="2353"/>
                      </a:lnTo>
                      <a:lnTo>
                        <a:pt x="1363" y="2424"/>
                      </a:lnTo>
                      <a:lnTo>
                        <a:pt x="1299" y="2469"/>
                      </a:lnTo>
                      <a:lnTo>
                        <a:pt x="1456" y="2461"/>
                      </a:lnTo>
                      <a:lnTo>
                        <a:pt x="1524" y="2436"/>
                      </a:lnTo>
                      <a:lnTo>
                        <a:pt x="1611" y="2416"/>
                      </a:lnTo>
                      <a:lnTo>
                        <a:pt x="1708" y="2378"/>
                      </a:lnTo>
                      <a:lnTo>
                        <a:pt x="1787" y="2341"/>
                      </a:lnTo>
                      <a:lnTo>
                        <a:pt x="1806" y="2330"/>
                      </a:lnTo>
                      <a:lnTo>
                        <a:pt x="2078" y="2072"/>
                      </a:lnTo>
                      <a:lnTo>
                        <a:pt x="2141" y="1996"/>
                      </a:lnTo>
                      <a:close/>
                    </a:path>
                  </a:pathLst>
                </a:custGeom>
                <a:solidFill>
                  <a:srgbClr val="FF753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2" name="Freeform 61">
                  <a:extLst>
                    <a:ext uri="{FF2B5EF4-FFF2-40B4-BE49-F238E27FC236}">
                      <a16:creationId xmlns:a16="http://schemas.microsoft.com/office/drawing/2014/main" id="{0999BAFD-497C-4C22-B7D3-443A4E2B99B0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0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</a:gdLst>
                  <a:ahLst/>
                  <a:cxnLst>
                    <a:cxn ang="T108">
                      <a:pos x="T0" y="T1"/>
                    </a:cxn>
                    <a:cxn ang="T109">
                      <a:pos x="T2" y="T3"/>
                    </a:cxn>
                    <a:cxn ang="T110">
                      <a:pos x="T4" y="T5"/>
                    </a:cxn>
                    <a:cxn ang="T111">
                      <a:pos x="T6" y="T7"/>
                    </a:cxn>
                    <a:cxn ang="T112">
                      <a:pos x="T8" y="T9"/>
                    </a:cxn>
                    <a:cxn ang="T113">
                      <a:pos x="T10" y="T11"/>
                    </a:cxn>
                    <a:cxn ang="T114">
                      <a:pos x="T12" y="T13"/>
                    </a:cxn>
                    <a:cxn ang="T115">
                      <a:pos x="T14" y="T15"/>
                    </a:cxn>
                    <a:cxn ang="T116">
                      <a:pos x="T16" y="T17"/>
                    </a:cxn>
                    <a:cxn ang="T117">
                      <a:pos x="T18" y="T19"/>
                    </a:cxn>
                    <a:cxn ang="T118">
                      <a:pos x="T20" y="T21"/>
                    </a:cxn>
                    <a:cxn ang="T119">
                      <a:pos x="T22" y="T23"/>
                    </a:cxn>
                    <a:cxn ang="T120">
                      <a:pos x="T24" y="T25"/>
                    </a:cxn>
                    <a:cxn ang="T121">
                      <a:pos x="T26" y="T27"/>
                    </a:cxn>
                    <a:cxn ang="T122">
                      <a:pos x="T28" y="T29"/>
                    </a:cxn>
                    <a:cxn ang="T123">
                      <a:pos x="T30" y="T31"/>
                    </a:cxn>
                    <a:cxn ang="T124">
                      <a:pos x="T32" y="T33"/>
                    </a:cxn>
                    <a:cxn ang="T125">
                      <a:pos x="T34" y="T35"/>
                    </a:cxn>
                    <a:cxn ang="T126">
                      <a:pos x="T36" y="T37"/>
                    </a:cxn>
                    <a:cxn ang="T127">
                      <a:pos x="T38" y="T39"/>
                    </a:cxn>
                    <a:cxn ang="T128">
                      <a:pos x="T40" y="T41"/>
                    </a:cxn>
                    <a:cxn ang="T129">
                      <a:pos x="T42" y="T43"/>
                    </a:cxn>
                    <a:cxn ang="T130">
                      <a:pos x="T44" y="T45"/>
                    </a:cxn>
                    <a:cxn ang="T131">
                      <a:pos x="T46" y="T47"/>
                    </a:cxn>
                    <a:cxn ang="T132">
                      <a:pos x="T48" y="T49"/>
                    </a:cxn>
                    <a:cxn ang="T133">
                      <a:pos x="T50" y="T51"/>
                    </a:cxn>
                    <a:cxn ang="T134">
                      <a:pos x="T52" y="T53"/>
                    </a:cxn>
                    <a:cxn ang="T135">
                      <a:pos x="T54" y="T55"/>
                    </a:cxn>
                    <a:cxn ang="T136">
                      <a:pos x="T56" y="T57"/>
                    </a:cxn>
                    <a:cxn ang="T137">
                      <a:pos x="T58" y="T59"/>
                    </a:cxn>
                    <a:cxn ang="T138">
                      <a:pos x="T60" y="T61"/>
                    </a:cxn>
                    <a:cxn ang="T139">
                      <a:pos x="T62" y="T63"/>
                    </a:cxn>
                    <a:cxn ang="T140">
                      <a:pos x="T64" y="T65"/>
                    </a:cxn>
                    <a:cxn ang="T141">
                      <a:pos x="T66" y="T67"/>
                    </a:cxn>
                    <a:cxn ang="T142">
                      <a:pos x="T68" y="T69"/>
                    </a:cxn>
                    <a:cxn ang="T143">
                      <a:pos x="T70" y="T71"/>
                    </a:cxn>
                    <a:cxn ang="T144">
                      <a:pos x="T72" y="T73"/>
                    </a:cxn>
                    <a:cxn ang="T145">
                      <a:pos x="T74" y="T75"/>
                    </a:cxn>
                    <a:cxn ang="T146">
                      <a:pos x="T76" y="T77"/>
                    </a:cxn>
                    <a:cxn ang="T147">
                      <a:pos x="T78" y="T79"/>
                    </a:cxn>
                    <a:cxn ang="T148">
                      <a:pos x="T80" y="T81"/>
                    </a:cxn>
                    <a:cxn ang="T149">
                      <a:pos x="T82" y="T83"/>
                    </a:cxn>
                    <a:cxn ang="T150">
                      <a:pos x="T84" y="T85"/>
                    </a:cxn>
                    <a:cxn ang="T151">
                      <a:pos x="T86" y="T87"/>
                    </a:cxn>
                    <a:cxn ang="T152">
                      <a:pos x="T88" y="T89"/>
                    </a:cxn>
                    <a:cxn ang="T153">
                      <a:pos x="T90" y="T91"/>
                    </a:cxn>
                    <a:cxn ang="T154">
                      <a:pos x="T92" y="T93"/>
                    </a:cxn>
                    <a:cxn ang="T155">
                      <a:pos x="T94" y="T95"/>
                    </a:cxn>
                    <a:cxn ang="T156">
                      <a:pos x="T96" y="T97"/>
                    </a:cxn>
                    <a:cxn ang="T157">
                      <a:pos x="T98" y="T99"/>
                    </a:cxn>
                    <a:cxn ang="T158">
                      <a:pos x="T100" y="T101"/>
                    </a:cxn>
                    <a:cxn ang="T159">
                      <a:pos x="T102" y="T103"/>
                    </a:cxn>
                    <a:cxn ang="T160">
                      <a:pos x="T104" y="T105"/>
                    </a:cxn>
                    <a:cxn ang="T161">
                      <a:pos x="T106" y="T107"/>
                    </a:cxn>
                  </a:cxnLst>
                  <a:rect l="0" t="0" r="r" b="b"/>
                  <a:pathLst>
                    <a:path w="2360" h="2473">
                      <a:moveTo>
                        <a:pt x="2250" y="1597"/>
                      </a:moveTo>
                      <a:lnTo>
                        <a:pt x="2250" y="1564"/>
                      </a:lnTo>
                      <a:lnTo>
                        <a:pt x="2268" y="1484"/>
                      </a:lnTo>
                      <a:lnTo>
                        <a:pt x="2305" y="1401"/>
                      </a:lnTo>
                      <a:lnTo>
                        <a:pt x="2342" y="1306"/>
                      </a:lnTo>
                      <a:lnTo>
                        <a:pt x="2360" y="1216"/>
                      </a:lnTo>
                      <a:lnTo>
                        <a:pt x="2305" y="1262"/>
                      </a:lnTo>
                      <a:lnTo>
                        <a:pt x="2094" y="1464"/>
                      </a:lnTo>
                      <a:lnTo>
                        <a:pt x="2016" y="1522"/>
                      </a:lnTo>
                      <a:lnTo>
                        <a:pt x="2016" y="1452"/>
                      </a:lnTo>
                      <a:lnTo>
                        <a:pt x="2035" y="1414"/>
                      </a:lnTo>
                      <a:lnTo>
                        <a:pt x="2044" y="1344"/>
                      </a:lnTo>
                      <a:lnTo>
                        <a:pt x="2044" y="1257"/>
                      </a:lnTo>
                      <a:lnTo>
                        <a:pt x="2035" y="1187"/>
                      </a:lnTo>
                      <a:lnTo>
                        <a:pt x="2029" y="1116"/>
                      </a:lnTo>
                      <a:lnTo>
                        <a:pt x="2007" y="1038"/>
                      </a:lnTo>
                      <a:lnTo>
                        <a:pt x="1956" y="955"/>
                      </a:lnTo>
                      <a:lnTo>
                        <a:pt x="1896" y="906"/>
                      </a:lnTo>
                      <a:lnTo>
                        <a:pt x="1878" y="955"/>
                      </a:lnTo>
                      <a:lnTo>
                        <a:pt x="1864" y="1017"/>
                      </a:lnTo>
                      <a:lnTo>
                        <a:pt x="1846" y="1108"/>
                      </a:lnTo>
                      <a:lnTo>
                        <a:pt x="1832" y="1187"/>
                      </a:lnTo>
                      <a:lnTo>
                        <a:pt x="1787" y="1249"/>
                      </a:lnTo>
                      <a:lnTo>
                        <a:pt x="1754" y="1306"/>
                      </a:lnTo>
                      <a:lnTo>
                        <a:pt x="1704" y="1357"/>
                      </a:lnTo>
                      <a:lnTo>
                        <a:pt x="1644" y="1377"/>
                      </a:lnTo>
                      <a:lnTo>
                        <a:pt x="1667" y="1224"/>
                      </a:lnTo>
                      <a:lnTo>
                        <a:pt x="1663" y="1133"/>
                      </a:lnTo>
                      <a:lnTo>
                        <a:pt x="1652" y="1046"/>
                      </a:lnTo>
                      <a:lnTo>
                        <a:pt x="1639" y="975"/>
                      </a:lnTo>
                      <a:lnTo>
                        <a:pt x="1602" y="906"/>
                      </a:lnTo>
                      <a:lnTo>
                        <a:pt x="1574" y="827"/>
                      </a:lnTo>
                      <a:lnTo>
                        <a:pt x="1533" y="744"/>
                      </a:lnTo>
                      <a:lnTo>
                        <a:pt x="1492" y="653"/>
                      </a:lnTo>
                      <a:lnTo>
                        <a:pt x="1441" y="591"/>
                      </a:lnTo>
                      <a:lnTo>
                        <a:pt x="1432" y="711"/>
                      </a:lnTo>
                      <a:lnTo>
                        <a:pt x="1428" y="782"/>
                      </a:lnTo>
                      <a:lnTo>
                        <a:pt x="1414" y="851"/>
                      </a:lnTo>
                      <a:lnTo>
                        <a:pt x="1378" y="909"/>
                      </a:lnTo>
                      <a:lnTo>
                        <a:pt x="1336" y="943"/>
                      </a:lnTo>
                      <a:lnTo>
                        <a:pt x="1336" y="839"/>
                      </a:lnTo>
                      <a:lnTo>
                        <a:pt x="1317" y="768"/>
                      </a:lnTo>
                      <a:lnTo>
                        <a:pt x="1304" y="682"/>
                      </a:lnTo>
                      <a:lnTo>
                        <a:pt x="1276" y="600"/>
                      </a:lnTo>
                      <a:lnTo>
                        <a:pt x="1244" y="529"/>
                      </a:lnTo>
                      <a:lnTo>
                        <a:pt x="1212" y="446"/>
                      </a:lnTo>
                      <a:lnTo>
                        <a:pt x="1172" y="376"/>
                      </a:lnTo>
                      <a:lnTo>
                        <a:pt x="1135" y="305"/>
                      </a:lnTo>
                      <a:lnTo>
                        <a:pt x="1103" y="235"/>
                      </a:lnTo>
                      <a:lnTo>
                        <a:pt x="1057" y="165"/>
                      </a:lnTo>
                      <a:lnTo>
                        <a:pt x="1029" y="82"/>
                      </a:lnTo>
                      <a:lnTo>
                        <a:pt x="997" y="0"/>
                      </a:lnTo>
                      <a:lnTo>
                        <a:pt x="951" y="86"/>
                      </a:lnTo>
                      <a:lnTo>
                        <a:pt x="924" y="169"/>
                      </a:lnTo>
                      <a:lnTo>
                        <a:pt x="905" y="285"/>
                      </a:lnTo>
                      <a:lnTo>
                        <a:pt x="928" y="417"/>
                      </a:lnTo>
                      <a:lnTo>
                        <a:pt x="956" y="541"/>
                      </a:lnTo>
                      <a:lnTo>
                        <a:pt x="970" y="636"/>
                      </a:lnTo>
                      <a:lnTo>
                        <a:pt x="928" y="719"/>
                      </a:lnTo>
                      <a:lnTo>
                        <a:pt x="859" y="653"/>
                      </a:lnTo>
                      <a:lnTo>
                        <a:pt x="772" y="616"/>
                      </a:lnTo>
                      <a:lnTo>
                        <a:pt x="639" y="558"/>
                      </a:lnTo>
                      <a:lnTo>
                        <a:pt x="519" y="546"/>
                      </a:lnTo>
                      <a:lnTo>
                        <a:pt x="561" y="612"/>
                      </a:lnTo>
                      <a:lnTo>
                        <a:pt x="616" y="653"/>
                      </a:lnTo>
                      <a:lnTo>
                        <a:pt x="680" y="753"/>
                      </a:lnTo>
                      <a:lnTo>
                        <a:pt x="676" y="836"/>
                      </a:lnTo>
                      <a:lnTo>
                        <a:pt x="680" y="918"/>
                      </a:lnTo>
                      <a:lnTo>
                        <a:pt x="667" y="1004"/>
                      </a:lnTo>
                      <a:lnTo>
                        <a:pt x="639" y="1075"/>
                      </a:lnTo>
                      <a:lnTo>
                        <a:pt x="643" y="1204"/>
                      </a:lnTo>
                      <a:lnTo>
                        <a:pt x="616" y="1187"/>
                      </a:lnTo>
                      <a:lnTo>
                        <a:pt x="561" y="1116"/>
                      </a:lnTo>
                      <a:lnTo>
                        <a:pt x="496" y="1084"/>
                      </a:lnTo>
                      <a:lnTo>
                        <a:pt x="409" y="1038"/>
                      </a:lnTo>
                      <a:lnTo>
                        <a:pt x="304" y="1038"/>
                      </a:lnTo>
                      <a:lnTo>
                        <a:pt x="354" y="1063"/>
                      </a:lnTo>
                      <a:lnTo>
                        <a:pt x="404" y="1121"/>
                      </a:lnTo>
                      <a:lnTo>
                        <a:pt x="446" y="1199"/>
                      </a:lnTo>
                      <a:lnTo>
                        <a:pt x="469" y="1286"/>
                      </a:lnTo>
                      <a:lnTo>
                        <a:pt x="483" y="1357"/>
                      </a:lnTo>
                      <a:lnTo>
                        <a:pt x="469" y="1452"/>
                      </a:lnTo>
                      <a:lnTo>
                        <a:pt x="455" y="1530"/>
                      </a:lnTo>
                      <a:lnTo>
                        <a:pt x="419" y="1605"/>
                      </a:lnTo>
                      <a:lnTo>
                        <a:pt x="350" y="1555"/>
                      </a:lnTo>
                      <a:lnTo>
                        <a:pt x="299" y="1493"/>
                      </a:lnTo>
                      <a:lnTo>
                        <a:pt x="207" y="1439"/>
                      </a:lnTo>
                      <a:lnTo>
                        <a:pt x="115" y="1401"/>
                      </a:lnTo>
                      <a:lnTo>
                        <a:pt x="0" y="1410"/>
                      </a:lnTo>
                      <a:lnTo>
                        <a:pt x="78" y="1497"/>
                      </a:lnTo>
                      <a:lnTo>
                        <a:pt x="134" y="1564"/>
                      </a:lnTo>
                      <a:lnTo>
                        <a:pt x="193" y="1637"/>
                      </a:lnTo>
                      <a:lnTo>
                        <a:pt x="226" y="1732"/>
                      </a:lnTo>
                      <a:lnTo>
                        <a:pt x="276" y="1836"/>
                      </a:lnTo>
                      <a:lnTo>
                        <a:pt x="304" y="1956"/>
                      </a:lnTo>
                      <a:lnTo>
                        <a:pt x="317" y="2080"/>
                      </a:lnTo>
                      <a:lnTo>
                        <a:pt x="363" y="2200"/>
                      </a:lnTo>
                      <a:lnTo>
                        <a:pt x="409" y="2275"/>
                      </a:lnTo>
                      <a:lnTo>
                        <a:pt x="511" y="2341"/>
                      </a:lnTo>
                      <a:lnTo>
                        <a:pt x="630" y="2399"/>
                      </a:lnTo>
                      <a:lnTo>
                        <a:pt x="731" y="2431"/>
                      </a:lnTo>
                      <a:lnTo>
                        <a:pt x="874" y="2473"/>
                      </a:lnTo>
                      <a:lnTo>
                        <a:pt x="983" y="2473"/>
                      </a:lnTo>
                      <a:lnTo>
                        <a:pt x="1103" y="2473"/>
                      </a:lnTo>
                      <a:lnTo>
                        <a:pt x="1221" y="2448"/>
                      </a:lnTo>
                      <a:lnTo>
                        <a:pt x="1121" y="2411"/>
                      </a:lnTo>
                      <a:lnTo>
                        <a:pt x="1044" y="2390"/>
                      </a:lnTo>
                      <a:lnTo>
                        <a:pt x="983" y="2365"/>
                      </a:lnTo>
                      <a:lnTo>
                        <a:pt x="928" y="2329"/>
                      </a:lnTo>
                      <a:lnTo>
                        <a:pt x="850" y="2258"/>
                      </a:lnTo>
                      <a:lnTo>
                        <a:pt x="795" y="2188"/>
                      </a:lnTo>
                      <a:lnTo>
                        <a:pt x="750" y="2122"/>
                      </a:lnTo>
                      <a:lnTo>
                        <a:pt x="717" y="2027"/>
                      </a:lnTo>
                      <a:lnTo>
                        <a:pt x="703" y="1964"/>
                      </a:lnTo>
                      <a:lnTo>
                        <a:pt x="795" y="1981"/>
                      </a:lnTo>
                      <a:lnTo>
                        <a:pt x="781" y="1939"/>
                      </a:lnTo>
                      <a:lnTo>
                        <a:pt x="772" y="1803"/>
                      </a:lnTo>
                      <a:lnTo>
                        <a:pt x="864" y="1881"/>
                      </a:lnTo>
                      <a:lnTo>
                        <a:pt x="992" y="2027"/>
                      </a:lnTo>
                      <a:lnTo>
                        <a:pt x="979" y="1981"/>
                      </a:lnTo>
                      <a:lnTo>
                        <a:pt x="970" y="1910"/>
                      </a:lnTo>
                      <a:lnTo>
                        <a:pt x="965" y="1849"/>
                      </a:lnTo>
                      <a:lnTo>
                        <a:pt x="956" y="1675"/>
                      </a:lnTo>
                      <a:lnTo>
                        <a:pt x="970" y="1625"/>
                      </a:lnTo>
                      <a:lnTo>
                        <a:pt x="1089" y="1729"/>
                      </a:lnTo>
                      <a:lnTo>
                        <a:pt x="1121" y="1696"/>
                      </a:lnTo>
                      <a:lnTo>
                        <a:pt x="1157" y="1637"/>
                      </a:lnTo>
                      <a:lnTo>
                        <a:pt x="1208" y="1518"/>
                      </a:lnTo>
                      <a:lnTo>
                        <a:pt x="1258" y="1435"/>
                      </a:lnTo>
                      <a:lnTo>
                        <a:pt x="1271" y="1460"/>
                      </a:lnTo>
                      <a:lnTo>
                        <a:pt x="1276" y="1542"/>
                      </a:lnTo>
                      <a:lnTo>
                        <a:pt x="1276" y="1650"/>
                      </a:lnTo>
                      <a:lnTo>
                        <a:pt x="1271" y="1758"/>
                      </a:lnTo>
                      <a:lnTo>
                        <a:pt x="1249" y="1869"/>
                      </a:lnTo>
                      <a:lnTo>
                        <a:pt x="1212" y="1932"/>
                      </a:lnTo>
                      <a:lnTo>
                        <a:pt x="1221" y="1990"/>
                      </a:lnTo>
                      <a:lnTo>
                        <a:pt x="1271" y="1944"/>
                      </a:lnTo>
                      <a:lnTo>
                        <a:pt x="1304" y="1895"/>
                      </a:lnTo>
                      <a:lnTo>
                        <a:pt x="1404" y="1824"/>
                      </a:lnTo>
                      <a:lnTo>
                        <a:pt x="1395" y="1927"/>
                      </a:lnTo>
                      <a:lnTo>
                        <a:pt x="1391" y="1964"/>
                      </a:lnTo>
                      <a:lnTo>
                        <a:pt x="1363" y="2034"/>
                      </a:lnTo>
                      <a:lnTo>
                        <a:pt x="1378" y="2047"/>
                      </a:lnTo>
                      <a:lnTo>
                        <a:pt x="1414" y="2047"/>
                      </a:lnTo>
                      <a:lnTo>
                        <a:pt x="1428" y="2022"/>
                      </a:lnTo>
                      <a:lnTo>
                        <a:pt x="1460" y="1998"/>
                      </a:lnTo>
                      <a:lnTo>
                        <a:pt x="1506" y="1964"/>
                      </a:lnTo>
                      <a:lnTo>
                        <a:pt x="1561" y="1927"/>
                      </a:lnTo>
                      <a:lnTo>
                        <a:pt x="1589" y="1898"/>
                      </a:lnTo>
                      <a:lnTo>
                        <a:pt x="1616" y="1910"/>
                      </a:lnTo>
                      <a:lnTo>
                        <a:pt x="1630" y="1956"/>
                      </a:lnTo>
                      <a:lnTo>
                        <a:pt x="1602" y="2039"/>
                      </a:lnTo>
                      <a:lnTo>
                        <a:pt x="1584" y="2117"/>
                      </a:lnTo>
                      <a:lnTo>
                        <a:pt x="1520" y="2212"/>
                      </a:lnTo>
                      <a:lnTo>
                        <a:pt x="1474" y="2283"/>
                      </a:lnTo>
                      <a:lnTo>
                        <a:pt x="1428" y="2353"/>
                      </a:lnTo>
                      <a:lnTo>
                        <a:pt x="1363" y="2424"/>
                      </a:lnTo>
                      <a:lnTo>
                        <a:pt x="1299" y="2469"/>
                      </a:lnTo>
                      <a:lnTo>
                        <a:pt x="1338" y="2466"/>
                      </a:lnTo>
                      <a:lnTo>
                        <a:pt x="1647" y="2297"/>
                      </a:lnTo>
                      <a:lnTo>
                        <a:pt x="1916" y="2071"/>
                      </a:lnTo>
                      <a:lnTo>
                        <a:pt x="2136" y="1797"/>
                      </a:lnTo>
                      <a:lnTo>
                        <a:pt x="2250" y="1597"/>
                      </a:lnTo>
                      <a:close/>
                    </a:path>
                  </a:pathLst>
                </a:custGeom>
                <a:solidFill>
                  <a:srgbClr val="FF7E32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3" name="Freeform 62">
                  <a:extLst>
                    <a:ext uri="{FF2B5EF4-FFF2-40B4-BE49-F238E27FC236}">
                      <a16:creationId xmlns:a16="http://schemas.microsoft.com/office/drawing/2014/main" id="{A1B6B3AA-02AC-442A-8749-7B28944D11C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13" cy="1236"/>
                </a:xfrm>
                <a:custGeom>
                  <a:avLst/>
                  <a:gdLst>
                    <a:gd name="T0" fmla="*/ 1 w 2226"/>
                    <a:gd name="T1" fmla="*/ 0 h 2473"/>
                    <a:gd name="T2" fmla="*/ 1 w 2226"/>
                    <a:gd name="T3" fmla="*/ 0 h 2473"/>
                    <a:gd name="T4" fmla="*/ 1 w 2226"/>
                    <a:gd name="T5" fmla="*/ 0 h 2473"/>
                    <a:gd name="T6" fmla="*/ 1 w 2226"/>
                    <a:gd name="T7" fmla="*/ 0 h 2473"/>
                    <a:gd name="T8" fmla="*/ 1 w 2226"/>
                    <a:gd name="T9" fmla="*/ 0 h 2473"/>
                    <a:gd name="T10" fmla="*/ 1 w 2226"/>
                    <a:gd name="T11" fmla="*/ 0 h 2473"/>
                    <a:gd name="T12" fmla="*/ 1 w 2226"/>
                    <a:gd name="T13" fmla="*/ 0 h 2473"/>
                    <a:gd name="T14" fmla="*/ 1 w 2226"/>
                    <a:gd name="T15" fmla="*/ 0 h 2473"/>
                    <a:gd name="T16" fmla="*/ 1 w 2226"/>
                    <a:gd name="T17" fmla="*/ 0 h 2473"/>
                    <a:gd name="T18" fmla="*/ 1 w 2226"/>
                    <a:gd name="T19" fmla="*/ 0 h 2473"/>
                    <a:gd name="T20" fmla="*/ 1 w 2226"/>
                    <a:gd name="T21" fmla="*/ 0 h 2473"/>
                    <a:gd name="T22" fmla="*/ 1 w 2226"/>
                    <a:gd name="T23" fmla="*/ 0 h 2473"/>
                    <a:gd name="T24" fmla="*/ 1 w 2226"/>
                    <a:gd name="T25" fmla="*/ 0 h 2473"/>
                    <a:gd name="T26" fmla="*/ 1 w 2226"/>
                    <a:gd name="T27" fmla="*/ 0 h 2473"/>
                    <a:gd name="T28" fmla="*/ 1 w 2226"/>
                    <a:gd name="T29" fmla="*/ 0 h 2473"/>
                    <a:gd name="T30" fmla="*/ 1 w 2226"/>
                    <a:gd name="T31" fmla="*/ 0 h 2473"/>
                    <a:gd name="T32" fmla="*/ 1 w 2226"/>
                    <a:gd name="T33" fmla="*/ 0 h 2473"/>
                    <a:gd name="T34" fmla="*/ 1 w 2226"/>
                    <a:gd name="T35" fmla="*/ 0 h 2473"/>
                    <a:gd name="T36" fmla="*/ 1 w 2226"/>
                    <a:gd name="T37" fmla="*/ 0 h 2473"/>
                    <a:gd name="T38" fmla="*/ 1 w 2226"/>
                    <a:gd name="T39" fmla="*/ 0 h 2473"/>
                    <a:gd name="T40" fmla="*/ 1 w 2226"/>
                    <a:gd name="T41" fmla="*/ 0 h 2473"/>
                    <a:gd name="T42" fmla="*/ 1 w 2226"/>
                    <a:gd name="T43" fmla="*/ 0 h 2473"/>
                    <a:gd name="T44" fmla="*/ 1 w 2226"/>
                    <a:gd name="T45" fmla="*/ 0 h 2473"/>
                    <a:gd name="T46" fmla="*/ 1 w 2226"/>
                    <a:gd name="T47" fmla="*/ 0 h 2473"/>
                    <a:gd name="T48" fmla="*/ 1 w 2226"/>
                    <a:gd name="T49" fmla="*/ 0 h 2473"/>
                    <a:gd name="T50" fmla="*/ 1 w 2226"/>
                    <a:gd name="T51" fmla="*/ 0 h 2473"/>
                    <a:gd name="T52" fmla="*/ 1 w 2226"/>
                    <a:gd name="T53" fmla="*/ 0 h 2473"/>
                    <a:gd name="T54" fmla="*/ 0 w 2226"/>
                    <a:gd name="T55" fmla="*/ 0 h 2473"/>
                    <a:gd name="T56" fmla="*/ 1 w 2226"/>
                    <a:gd name="T57" fmla="*/ 0 h 2473"/>
                    <a:gd name="T58" fmla="*/ 1 w 2226"/>
                    <a:gd name="T59" fmla="*/ 0 h 2473"/>
                    <a:gd name="T60" fmla="*/ 1 w 2226"/>
                    <a:gd name="T61" fmla="*/ 0 h 2473"/>
                    <a:gd name="T62" fmla="*/ 1 w 2226"/>
                    <a:gd name="T63" fmla="*/ 0 h 2473"/>
                    <a:gd name="T64" fmla="*/ 1 w 2226"/>
                    <a:gd name="T65" fmla="*/ 0 h 2473"/>
                    <a:gd name="T66" fmla="*/ 1 w 2226"/>
                    <a:gd name="T67" fmla="*/ 0 h 2473"/>
                    <a:gd name="T68" fmla="*/ 1 w 2226"/>
                    <a:gd name="T69" fmla="*/ 0 h 2473"/>
                    <a:gd name="T70" fmla="*/ 1 w 2226"/>
                    <a:gd name="T71" fmla="*/ 0 h 2473"/>
                    <a:gd name="T72" fmla="*/ 1 w 2226"/>
                    <a:gd name="T73" fmla="*/ 0 h 2473"/>
                    <a:gd name="T74" fmla="*/ 1 w 2226"/>
                    <a:gd name="T75" fmla="*/ 0 h 2473"/>
                    <a:gd name="T76" fmla="*/ 1 w 2226"/>
                    <a:gd name="T77" fmla="*/ 0 h 2473"/>
                    <a:gd name="T78" fmla="*/ 1 w 2226"/>
                    <a:gd name="T79" fmla="*/ 0 h 2473"/>
                    <a:gd name="T80" fmla="*/ 1 w 2226"/>
                    <a:gd name="T81" fmla="*/ 0 h 2473"/>
                    <a:gd name="T82" fmla="*/ 1 w 2226"/>
                    <a:gd name="T83" fmla="*/ 0 h 2473"/>
                    <a:gd name="T84" fmla="*/ 1 w 2226"/>
                    <a:gd name="T85" fmla="*/ 0 h 2473"/>
                    <a:gd name="T86" fmla="*/ 1 w 2226"/>
                    <a:gd name="T87" fmla="*/ 0 h 2473"/>
                    <a:gd name="T88" fmla="*/ 1 w 2226"/>
                    <a:gd name="T89" fmla="*/ 0 h 2473"/>
                    <a:gd name="T90" fmla="*/ 1 w 2226"/>
                    <a:gd name="T91" fmla="*/ 0 h 2473"/>
                    <a:gd name="T92" fmla="*/ 1 w 2226"/>
                    <a:gd name="T93" fmla="*/ 0 h 2473"/>
                    <a:gd name="T94" fmla="*/ 1 w 2226"/>
                    <a:gd name="T95" fmla="*/ 0 h 2473"/>
                    <a:gd name="T96" fmla="*/ 1 w 2226"/>
                    <a:gd name="T97" fmla="*/ 0 h 2473"/>
                    <a:gd name="T98" fmla="*/ 1 w 2226"/>
                    <a:gd name="T99" fmla="*/ 0 h 2473"/>
                    <a:gd name="T100" fmla="*/ 1 w 2226"/>
                    <a:gd name="T101" fmla="*/ 0 h 2473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</a:gdLst>
                  <a:ahLst/>
                  <a:cxnLst>
                    <a:cxn ang="T102">
                      <a:pos x="T0" y="T1"/>
                    </a:cxn>
                    <a:cxn ang="T103">
                      <a:pos x="T2" y="T3"/>
                    </a:cxn>
                    <a:cxn ang="T104">
                      <a:pos x="T4" y="T5"/>
                    </a:cxn>
                    <a:cxn ang="T105">
                      <a:pos x="T6" y="T7"/>
                    </a:cxn>
                    <a:cxn ang="T106">
                      <a:pos x="T8" y="T9"/>
                    </a:cxn>
                    <a:cxn ang="T107">
                      <a:pos x="T10" y="T11"/>
                    </a:cxn>
                    <a:cxn ang="T108">
                      <a:pos x="T12" y="T13"/>
                    </a:cxn>
                    <a:cxn ang="T109">
                      <a:pos x="T14" y="T15"/>
                    </a:cxn>
                    <a:cxn ang="T110">
                      <a:pos x="T16" y="T17"/>
                    </a:cxn>
                    <a:cxn ang="T111">
                      <a:pos x="T18" y="T19"/>
                    </a:cxn>
                    <a:cxn ang="T112">
                      <a:pos x="T20" y="T21"/>
                    </a:cxn>
                    <a:cxn ang="T113">
                      <a:pos x="T22" y="T23"/>
                    </a:cxn>
                    <a:cxn ang="T114">
                      <a:pos x="T24" y="T25"/>
                    </a:cxn>
                    <a:cxn ang="T115">
                      <a:pos x="T26" y="T27"/>
                    </a:cxn>
                    <a:cxn ang="T116">
                      <a:pos x="T28" y="T29"/>
                    </a:cxn>
                    <a:cxn ang="T117">
                      <a:pos x="T30" y="T31"/>
                    </a:cxn>
                    <a:cxn ang="T118">
                      <a:pos x="T32" y="T33"/>
                    </a:cxn>
                    <a:cxn ang="T119">
                      <a:pos x="T34" y="T35"/>
                    </a:cxn>
                    <a:cxn ang="T120">
                      <a:pos x="T36" y="T37"/>
                    </a:cxn>
                    <a:cxn ang="T121">
                      <a:pos x="T38" y="T39"/>
                    </a:cxn>
                    <a:cxn ang="T122">
                      <a:pos x="T40" y="T41"/>
                    </a:cxn>
                    <a:cxn ang="T123">
                      <a:pos x="T42" y="T43"/>
                    </a:cxn>
                    <a:cxn ang="T124">
                      <a:pos x="T44" y="T45"/>
                    </a:cxn>
                    <a:cxn ang="T125">
                      <a:pos x="T46" y="T47"/>
                    </a:cxn>
                    <a:cxn ang="T126">
                      <a:pos x="T48" y="T49"/>
                    </a:cxn>
                    <a:cxn ang="T127">
                      <a:pos x="T50" y="T51"/>
                    </a:cxn>
                    <a:cxn ang="T128">
                      <a:pos x="T52" y="T53"/>
                    </a:cxn>
                    <a:cxn ang="T129">
                      <a:pos x="T54" y="T55"/>
                    </a:cxn>
                    <a:cxn ang="T130">
                      <a:pos x="T56" y="T57"/>
                    </a:cxn>
                    <a:cxn ang="T131">
                      <a:pos x="T58" y="T59"/>
                    </a:cxn>
                    <a:cxn ang="T132">
                      <a:pos x="T60" y="T61"/>
                    </a:cxn>
                    <a:cxn ang="T133">
                      <a:pos x="T62" y="T63"/>
                    </a:cxn>
                    <a:cxn ang="T134">
                      <a:pos x="T64" y="T65"/>
                    </a:cxn>
                    <a:cxn ang="T135">
                      <a:pos x="T66" y="T67"/>
                    </a:cxn>
                    <a:cxn ang="T136">
                      <a:pos x="T68" y="T69"/>
                    </a:cxn>
                    <a:cxn ang="T137">
                      <a:pos x="T70" y="T71"/>
                    </a:cxn>
                    <a:cxn ang="T138">
                      <a:pos x="T72" y="T73"/>
                    </a:cxn>
                    <a:cxn ang="T139">
                      <a:pos x="T74" y="T75"/>
                    </a:cxn>
                    <a:cxn ang="T140">
                      <a:pos x="T76" y="T77"/>
                    </a:cxn>
                    <a:cxn ang="T141">
                      <a:pos x="T78" y="T79"/>
                    </a:cxn>
                    <a:cxn ang="T142">
                      <a:pos x="T80" y="T81"/>
                    </a:cxn>
                    <a:cxn ang="T143">
                      <a:pos x="T82" y="T83"/>
                    </a:cxn>
                    <a:cxn ang="T144">
                      <a:pos x="T84" y="T85"/>
                    </a:cxn>
                    <a:cxn ang="T145">
                      <a:pos x="T86" y="T87"/>
                    </a:cxn>
                    <a:cxn ang="T146">
                      <a:pos x="T88" y="T89"/>
                    </a:cxn>
                    <a:cxn ang="T147">
                      <a:pos x="T90" y="T91"/>
                    </a:cxn>
                    <a:cxn ang="T148">
                      <a:pos x="T92" y="T93"/>
                    </a:cxn>
                    <a:cxn ang="T149">
                      <a:pos x="T94" y="T95"/>
                    </a:cxn>
                    <a:cxn ang="T150">
                      <a:pos x="T96" y="T97"/>
                    </a:cxn>
                    <a:cxn ang="T151">
                      <a:pos x="T98" y="T99"/>
                    </a:cxn>
                    <a:cxn ang="T152">
                      <a:pos x="T100" y="T101"/>
                    </a:cxn>
                  </a:cxnLst>
                  <a:rect l="0" t="0" r="r" b="b"/>
                  <a:pathLst>
                    <a:path w="2226" h="2473">
                      <a:moveTo>
                        <a:pt x="2226" y="1337"/>
                      </a:moveTo>
                      <a:lnTo>
                        <a:pt x="2094" y="1464"/>
                      </a:lnTo>
                      <a:lnTo>
                        <a:pt x="2016" y="1522"/>
                      </a:lnTo>
                      <a:lnTo>
                        <a:pt x="2016" y="1452"/>
                      </a:lnTo>
                      <a:lnTo>
                        <a:pt x="2035" y="1414"/>
                      </a:lnTo>
                      <a:lnTo>
                        <a:pt x="2044" y="1344"/>
                      </a:lnTo>
                      <a:lnTo>
                        <a:pt x="2044" y="1257"/>
                      </a:lnTo>
                      <a:lnTo>
                        <a:pt x="2035" y="1187"/>
                      </a:lnTo>
                      <a:lnTo>
                        <a:pt x="2029" y="1116"/>
                      </a:lnTo>
                      <a:lnTo>
                        <a:pt x="2007" y="1038"/>
                      </a:lnTo>
                      <a:lnTo>
                        <a:pt x="1956" y="955"/>
                      </a:lnTo>
                      <a:lnTo>
                        <a:pt x="1896" y="906"/>
                      </a:lnTo>
                      <a:lnTo>
                        <a:pt x="1878" y="955"/>
                      </a:lnTo>
                      <a:lnTo>
                        <a:pt x="1864" y="1017"/>
                      </a:lnTo>
                      <a:lnTo>
                        <a:pt x="1846" y="1108"/>
                      </a:lnTo>
                      <a:lnTo>
                        <a:pt x="1832" y="1187"/>
                      </a:lnTo>
                      <a:lnTo>
                        <a:pt x="1787" y="1249"/>
                      </a:lnTo>
                      <a:lnTo>
                        <a:pt x="1754" y="1306"/>
                      </a:lnTo>
                      <a:lnTo>
                        <a:pt x="1704" y="1357"/>
                      </a:lnTo>
                      <a:lnTo>
                        <a:pt x="1644" y="1377"/>
                      </a:lnTo>
                      <a:lnTo>
                        <a:pt x="1667" y="1224"/>
                      </a:lnTo>
                      <a:lnTo>
                        <a:pt x="1663" y="1133"/>
                      </a:lnTo>
                      <a:lnTo>
                        <a:pt x="1652" y="1046"/>
                      </a:lnTo>
                      <a:lnTo>
                        <a:pt x="1639" y="975"/>
                      </a:lnTo>
                      <a:lnTo>
                        <a:pt x="1602" y="906"/>
                      </a:lnTo>
                      <a:lnTo>
                        <a:pt x="1574" y="827"/>
                      </a:lnTo>
                      <a:lnTo>
                        <a:pt x="1533" y="744"/>
                      </a:lnTo>
                      <a:lnTo>
                        <a:pt x="1492" y="653"/>
                      </a:lnTo>
                      <a:lnTo>
                        <a:pt x="1441" y="591"/>
                      </a:lnTo>
                      <a:lnTo>
                        <a:pt x="1432" y="711"/>
                      </a:lnTo>
                      <a:lnTo>
                        <a:pt x="1428" y="782"/>
                      </a:lnTo>
                      <a:lnTo>
                        <a:pt x="1414" y="851"/>
                      </a:lnTo>
                      <a:lnTo>
                        <a:pt x="1378" y="909"/>
                      </a:lnTo>
                      <a:lnTo>
                        <a:pt x="1336" y="943"/>
                      </a:lnTo>
                      <a:lnTo>
                        <a:pt x="1336" y="839"/>
                      </a:lnTo>
                      <a:lnTo>
                        <a:pt x="1317" y="768"/>
                      </a:lnTo>
                      <a:lnTo>
                        <a:pt x="1304" y="682"/>
                      </a:lnTo>
                      <a:lnTo>
                        <a:pt x="1276" y="600"/>
                      </a:lnTo>
                      <a:lnTo>
                        <a:pt x="1244" y="529"/>
                      </a:lnTo>
                      <a:lnTo>
                        <a:pt x="1212" y="446"/>
                      </a:lnTo>
                      <a:lnTo>
                        <a:pt x="1172" y="376"/>
                      </a:lnTo>
                      <a:lnTo>
                        <a:pt x="1135" y="305"/>
                      </a:lnTo>
                      <a:lnTo>
                        <a:pt x="1103" y="235"/>
                      </a:lnTo>
                      <a:lnTo>
                        <a:pt x="1057" y="165"/>
                      </a:lnTo>
                      <a:lnTo>
                        <a:pt x="1029" y="82"/>
                      </a:lnTo>
                      <a:lnTo>
                        <a:pt x="997" y="0"/>
                      </a:lnTo>
                      <a:lnTo>
                        <a:pt x="951" y="86"/>
                      </a:lnTo>
                      <a:lnTo>
                        <a:pt x="924" y="169"/>
                      </a:lnTo>
                      <a:lnTo>
                        <a:pt x="905" y="285"/>
                      </a:lnTo>
                      <a:lnTo>
                        <a:pt x="928" y="417"/>
                      </a:lnTo>
                      <a:lnTo>
                        <a:pt x="956" y="541"/>
                      </a:lnTo>
                      <a:lnTo>
                        <a:pt x="970" y="636"/>
                      </a:lnTo>
                      <a:lnTo>
                        <a:pt x="928" y="719"/>
                      </a:lnTo>
                      <a:lnTo>
                        <a:pt x="859" y="653"/>
                      </a:lnTo>
                      <a:lnTo>
                        <a:pt x="772" y="616"/>
                      </a:lnTo>
                      <a:lnTo>
                        <a:pt x="639" y="558"/>
                      </a:lnTo>
                      <a:lnTo>
                        <a:pt x="519" y="546"/>
                      </a:lnTo>
                      <a:lnTo>
                        <a:pt x="561" y="612"/>
                      </a:lnTo>
                      <a:lnTo>
                        <a:pt x="616" y="653"/>
                      </a:lnTo>
                      <a:lnTo>
                        <a:pt x="680" y="753"/>
                      </a:lnTo>
                      <a:lnTo>
                        <a:pt x="676" y="836"/>
                      </a:lnTo>
                      <a:lnTo>
                        <a:pt x="680" y="918"/>
                      </a:lnTo>
                      <a:lnTo>
                        <a:pt x="667" y="1004"/>
                      </a:lnTo>
                      <a:lnTo>
                        <a:pt x="639" y="1075"/>
                      </a:lnTo>
                      <a:lnTo>
                        <a:pt x="643" y="1204"/>
                      </a:lnTo>
                      <a:lnTo>
                        <a:pt x="616" y="1187"/>
                      </a:lnTo>
                      <a:lnTo>
                        <a:pt x="561" y="1116"/>
                      </a:lnTo>
                      <a:lnTo>
                        <a:pt x="496" y="1084"/>
                      </a:lnTo>
                      <a:lnTo>
                        <a:pt x="409" y="1038"/>
                      </a:lnTo>
                      <a:lnTo>
                        <a:pt x="304" y="1038"/>
                      </a:lnTo>
                      <a:lnTo>
                        <a:pt x="354" y="1063"/>
                      </a:lnTo>
                      <a:lnTo>
                        <a:pt x="404" y="1121"/>
                      </a:lnTo>
                      <a:lnTo>
                        <a:pt x="446" y="1199"/>
                      </a:lnTo>
                      <a:lnTo>
                        <a:pt x="469" y="1286"/>
                      </a:lnTo>
                      <a:lnTo>
                        <a:pt x="483" y="1357"/>
                      </a:lnTo>
                      <a:lnTo>
                        <a:pt x="469" y="1452"/>
                      </a:lnTo>
                      <a:lnTo>
                        <a:pt x="455" y="1530"/>
                      </a:lnTo>
                      <a:lnTo>
                        <a:pt x="419" y="1605"/>
                      </a:lnTo>
                      <a:lnTo>
                        <a:pt x="350" y="1555"/>
                      </a:lnTo>
                      <a:lnTo>
                        <a:pt x="299" y="1493"/>
                      </a:lnTo>
                      <a:lnTo>
                        <a:pt x="207" y="1439"/>
                      </a:lnTo>
                      <a:lnTo>
                        <a:pt x="115" y="1401"/>
                      </a:lnTo>
                      <a:lnTo>
                        <a:pt x="0" y="1410"/>
                      </a:lnTo>
                      <a:lnTo>
                        <a:pt x="78" y="1497"/>
                      </a:lnTo>
                      <a:lnTo>
                        <a:pt x="134" y="1564"/>
                      </a:lnTo>
                      <a:lnTo>
                        <a:pt x="193" y="1637"/>
                      </a:lnTo>
                      <a:lnTo>
                        <a:pt x="226" y="1732"/>
                      </a:lnTo>
                      <a:lnTo>
                        <a:pt x="276" y="1836"/>
                      </a:lnTo>
                      <a:lnTo>
                        <a:pt x="304" y="1956"/>
                      </a:lnTo>
                      <a:lnTo>
                        <a:pt x="317" y="2080"/>
                      </a:lnTo>
                      <a:lnTo>
                        <a:pt x="363" y="2200"/>
                      </a:lnTo>
                      <a:lnTo>
                        <a:pt x="409" y="2275"/>
                      </a:lnTo>
                      <a:lnTo>
                        <a:pt x="511" y="2341"/>
                      </a:lnTo>
                      <a:lnTo>
                        <a:pt x="630" y="2399"/>
                      </a:lnTo>
                      <a:lnTo>
                        <a:pt x="731" y="2431"/>
                      </a:lnTo>
                      <a:lnTo>
                        <a:pt x="874" y="2473"/>
                      </a:lnTo>
                      <a:lnTo>
                        <a:pt x="881" y="2473"/>
                      </a:lnTo>
                      <a:lnTo>
                        <a:pt x="1133" y="2415"/>
                      </a:lnTo>
                      <a:lnTo>
                        <a:pt x="1121" y="2411"/>
                      </a:lnTo>
                      <a:lnTo>
                        <a:pt x="1044" y="2390"/>
                      </a:lnTo>
                      <a:lnTo>
                        <a:pt x="983" y="2365"/>
                      </a:lnTo>
                      <a:lnTo>
                        <a:pt x="928" y="2329"/>
                      </a:lnTo>
                      <a:lnTo>
                        <a:pt x="850" y="2258"/>
                      </a:lnTo>
                      <a:lnTo>
                        <a:pt x="795" y="2188"/>
                      </a:lnTo>
                      <a:lnTo>
                        <a:pt x="750" y="2122"/>
                      </a:lnTo>
                      <a:lnTo>
                        <a:pt x="717" y="2027"/>
                      </a:lnTo>
                      <a:lnTo>
                        <a:pt x="703" y="1964"/>
                      </a:lnTo>
                      <a:lnTo>
                        <a:pt x="795" y="1981"/>
                      </a:lnTo>
                      <a:lnTo>
                        <a:pt x="781" y="1939"/>
                      </a:lnTo>
                      <a:lnTo>
                        <a:pt x="772" y="1803"/>
                      </a:lnTo>
                      <a:lnTo>
                        <a:pt x="864" y="1881"/>
                      </a:lnTo>
                      <a:lnTo>
                        <a:pt x="992" y="2027"/>
                      </a:lnTo>
                      <a:lnTo>
                        <a:pt x="979" y="1981"/>
                      </a:lnTo>
                      <a:lnTo>
                        <a:pt x="970" y="1910"/>
                      </a:lnTo>
                      <a:lnTo>
                        <a:pt x="965" y="1849"/>
                      </a:lnTo>
                      <a:lnTo>
                        <a:pt x="956" y="1675"/>
                      </a:lnTo>
                      <a:lnTo>
                        <a:pt x="970" y="1625"/>
                      </a:lnTo>
                      <a:lnTo>
                        <a:pt x="1089" y="1729"/>
                      </a:lnTo>
                      <a:lnTo>
                        <a:pt x="1121" y="1696"/>
                      </a:lnTo>
                      <a:lnTo>
                        <a:pt x="1157" y="1637"/>
                      </a:lnTo>
                      <a:lnTo>
                        <a:pt x="1208" y="1518"/>
                      </a:lnTo>
                      <a:lnTo>
                        <a:pt x="1258" y="1435"/>
                      </a:lnTo>
                      <a:lnTo>
                        <a:pt x="1271" y="1460"/>
                      </a:lnTo>
                      <a:lnTo>
                        <a:pt x="1276" y="1542"/>
                      </a:lnTo>
                      <a:lnTo>
                        <a:pt x="1276" y="1650"/>
                      </a:lnTo>
                      <a:lnTo>
                        <a:pt x="1271" y="1758"/>
                      </a:lnTo>
                      <a:lnTo>
                        <a:pt x="1249" y="1869"/>
                      </a:lnTo>
                      <a:lnTo>
                        <a:pt x="1212" y="1932"/>
                      </a:lnTo>
                      <a:lnTo>
                        <a:pt x="1221" y="1990"/>
                      </a:lnTo>
                      <a:lnTo>
                        <a:pt x="1271" y="1944"/>
                      </a:lnTo>
                      <a:lnTo>
                        <a:pt x="1304" y="1895"/>
                      </a:lnTo>
                      <a:lnTo>
                        <a:pt x="1404" y="1824"/>
                      </a:lnTo>
                      <a:lnTo>
                        <a:pt x="1395" y="1927"/>
                      </a:lnTo>
                      <a:lnTo>
                        <a:pt x="1391" y="1964"/>
                      </a:lnTo>
                      <a:lnTo>
                        <a:pt x="1363" y="2034"/>
                      </a:lnTo>
                      <a:lnTo>
                        <a:pt x="1378" y="2047"/>
                      </a:lnTo>
                      <a:lnTo>
                        <a:pt x="1414" y="2047"/>
                      </a:lnTo>
                      <a:lnTo>
                        <a:pt x="1428" y="2022"/>
                      </a:lnTo>
                      <a:lnTo>
                        <a:pt x="1460" y="1998"/>
                      </a:lnTo>
                      <a:lnTo>
                        <a:pt x="1506" y="1964"/>
                      </a:lnTo>
                      <a:lnTo>
                        <a:pt x="1561" y="1927"/>
                      </a:lnTo>
                      <a:lnTo>
                        <a:pt x="1589" y="1898"/>
                      </a:lnTo>
                      <a:lnTo>
                        <a:pt x="1616" y="1910"/>
                      </a:lnTo>
                      <a:lnTo>
                        <a:pt x="1630" y="1956"/>
                      </a:lnTo>
                      <a:lnTo>
                        <a:pt x="1602" y="2039"/>
                      </a:lnTo>
                      <a:lnTo>
                        <a:pt x="1584" y="2117"/>
                      </a:lnTo>
                      <a:lnTo>
                        <a:pt x="1520" y="2212"/>
                      </a:lnTo>
                      <a:lnTo>
                        <a:pt x="1490" y="2255"/>
                      </a:lnTo>
                      <a:lnTo>
                        <a:pt x="1755" y="2061"/>
                      </a:lnTo>
                      <a:lnTo>
                        <a:pt x="1977" y="1819"/>
                      </a:lnTo>
                      <a:lnTo>
                        <a:pt x="2145" y="1538"/>
                      </a:lnTo>
                      <a:lnTo>
                        <a:pt x="2226" y="1337"/>
                      </a:lnTo>
                      <a:close/>
                    </a:path>
                  </a:pathLst>
                </a:custGeom>
                <a:solidFill>
                  <a:srgbClr val="FF882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4" name="Freeform 63">
                  <a:extLst>
                    <a:ext uri="{FF2B5EF4-FFF2-40B4-BE49-F238E27FC236}">
                      <a16:creationId xmlns:a16="http://schemas.microsoft.com/office/drawing/2014/main" id="{7196FB94-0E99-4F44-A6CB-89874584558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022" cy="1184"/>
                </a:xfrm>
                <a:custGeom>
                  <a:avLst/>
                  <a:gdLst>
                    <a:gd name="T0" fmla="*/ 1 w 2044"/>
                    <a:gd name="T1" fmla="*/ 0 h 2369"/>
                    <a:gd name="T2" fmla="*/ 1 w 2044"/>
                    <a:gd name="T3" fmla="*/ 0 h 2369"/>
                    <a:gd name="T4" fmla="*/ 1 w 2044"/>
                    <a:gd name="T5" fmla="*/ 0 h 2369"/>
                    <a:gd name="T6" fmla="*/ 1 w 2044"/>
                    <a:gd name="T7" fmla="*/ 0 h 2369"/>
                    <a:gd name="T8" fmla="*/ 1 w 2044"/>
                    <a:gd name="T9" fmla="*/ 0 h 2369"/>
                    <a:gd name="T10" fmla="*/ 1 w 2044"/>
                    <a:gd name="T11" fmla="*/ 0 h 2369"/>
                    <a:gd name="T12" fmla="*/ 1 w 2044"/>
                    <a:gd name="T13" fmla="*/ 0 h 2369"/>
                    <a:gd name="T14" fmla="*/ 1 w 2044"/>
                    <a:gd name="T15" fmla="*/ 0 h 2369"/>
                    <a:gd name="T16" fmla="*/ 1 w 2044"/>
                    <a:gd name="T17" fmla="*/ 0 h 2369"/>
                    <a:gd name="T18" fmla="*/ 1 w 2044"/>
                    <a:gd name="T19" fmla="*/ 0 h 2369"/>
                    <a:gd name="T20" fmla="*/ 1 w 2044"/>
                    <a:gd name="T21" fmla="*/ 0 h 2369"/>
                    <a:gd name="T22" fmla="*/ 1 w 2044"/>
                    <a:gd name="T23" fmla="*/ 0 h 2369"/>
                    <a:gd name="T24" fmla="*/ 1 w 2044"/>
                    <a:gd name="T25" fmla="*/ 0 h 2369"/>
                    <a:gd name="T26" fmla="*/ 1 w 2044"/>
                    <a:gd name="T27" fmla="*/ 0 h 2369"/>
                    <a:gd name="T28" fmla="*/ 1 w 2044"/>
                    <a:gd name="T29" fmla="*/ 0 h 2369"/>
                    <a:gd name="T30" fmla="*/ 1 w 2044"/>
                    <a:gd name="T31" fmla="*/ 0 h 2369"/>
                    <a:gd name="T32" fmla="*/ 1 w 2044"/>
                    <a:gd name="T33" fmla="*/ 0 h 2369"/>
                    <a:gd name="T34" fmla="*/ 1 w 2044"/>
                    <a:gd name="T35" fmla="*/ 0 h 2369"/>
                    <a:gd name="T36" fmla="*/ 1 w 2044"/>
                    <a:gd name="T37" fmla="*/ 0 h 2369"/>
                    <a:gd name="T38" fmla="*/ 1 w 2044"/>
                    <a:gd name="T39" fmla="*/ 0 h 2369"/>
                    <a:gd name="T40" fmla="*/ 1 w 2044"/>
                    <a:gd name="T41" fmla="*/ 0 h 2369"/>
                    <a:gd name="T42" fmla="*/ 1 w 2044"/>
                    <a:gd name="T43" fmla="*/ 0 h 2369"/>
                    <a:gd name="T44" fmla="*/ 1 w 2044"/>
                    <a:gd name="T45" fmla="*/ 0 h 2369"/>
                    <a:gd name="T46" fmla="*/ 1 w 2044"/>
                    <a:gd name="T47" fmla="*/ 0 h 2369"/>
                    <a:gd name="T48" fmla="*/ 1 w 2044"/>
                    <a:gd name="T49" fmla="*/ 0 h 2369"/>
                    <a:gd name="T50" fmla="*/ 1 w 2044"/>
                    <a:gd name="T51" fmla="*/ 0 h 2369"/>
                    <a:gd name="T52" fmla="*/ 1 w 2044"/>
                    <a:gd name="T53" fmla="*/ 0 h 2369"/>
                    <a:gd name="T54" fmla="*/ 1 w 2044"/>
                    <a:gd name="T55" fmla="*/ 0 h 2369"/>
                    <a:gd name="T56" fmla="*/ 1 w 2044"/>
                    <a:gd name="T57" fmla="*/ 0 h 2369"/>
                    <a:gd name="T58" fmla="*/ 1 w 2044"/>
                    <a:gd name="T59" fmla="*/ 0 h 2369"/>
                    <a:gd name="T60" fmla="*/ 1 w 2044"/>
                    <a:gd name="T61" fmla="*/ 0 h 2369"/>
                    <a:gd name="T62" fmla="*/ 1 w 2044"/>
                    <a:gd name="T63" fmla="*/ 0 h 2369"/>
                    <a:gd name="T64" fmla="*/ 1 w 2044"/>
                    <a:gd name="T65" fmla="*/ 0 h 2369"/>
                    <a:gd name="T66" fmla="*/ 1 w 2044"/>
                    <a:gd name="T67" fmla="*/ 0 h 2369"/>
                    <a:gd name="T68" fmla="*/ 1 w 2044"/>
                    <a:gd name="T69" fmla="*/ 0 h 2369"/>
                    <a:gd name="T70" fmla="*/ 1 w 2044"/>
                    <a:gd name="T71" fmla="*/ 0 h 2369"/>
                    <a:gd name="T72" fmla="*/ 1 w 2044"/>
                    <a:gd name="T73" fmla="*/ 0 h 2369"/>
                    <a:gd name="T74" fmla="*/ 1 w 2044"/>
                    <a:gd name="T75" fmla="*/ 0 h 2369"/>
                    <a:gd name="T76" fmla="*/ 1 w 2044"/>
                    <a:gd name="T77" fmla="*/ 0 h 2369"/>
                    <a:gd name="T78" fmla="*/ 1 w 2044"/>
                    <a:gd name="T79" fmla="*/ 0 h 2369"/>
                    <a:gd name="T80" fmla="*/ 1 w 2044"/>
                    <a:gd name="T81" fmla="*/ 0 h 2369"/>
                    <a:gd name="T82" fmla="*/ 1 w 2044"/>
                    <a:gd name="T83" fmla="*/ 0 h 2369"/>
                    <a:gd name="T84" fmla="*/ 1 w 2044"/>
                    <a:gd name="T85" fmla="*/ 0 h 2369"/>
                    <a:gd name="T86" fmla="*/ 1 w 2044"/>
                    <a:gd name="T87" fmla="*/ 0 h 2369"/>
                    <a:gd name="T88" fmla="*/ 1 w 2044"/>
                    <a:gd name="T89" fmla="*/ 0 h 2369"/>
                    <a:gd name="T90" fmla="*/ 1 w 2044"/>
                    <a:gd name="T91" fmla="*/ 0 h 2369"/>
                    <a:gd name="T92" fmla="*/ 1 w 2044"/>
                    <a:gd name="T93" fmla="*/ 0 h 2369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</a:gdLst>
                  <a:ahLst/>
                  <a:cxnLst>
                    <a:cxn ang="T94">
                      <a:pos x="T0" y="T1"/>
                    </a:cxn>
                    <a:cxn ang="T95">
                      <a:pos x="T2" y="T3"/>
                    </a:cxn>
                    <a:cxn ang="T96">
                      <a:pos x="T4" y="T5"/>
                    </a:cxn>
                    <a:cxn ang="T97">
                      <a:pos x="T6" y="T7"/>
                    </a:cxn>
                    <a:cxn ang="T98">
                      <a:pos x="T8" y="T9"/>
                    </a:cxn>
                    <a:cxn ang="T99">
                      <a:pos x="T10" y="T11"/>
                    </a:cxn>
                    <a:cxn ang="T100">
                      <a:pos x="T12" y="T13"/>
                    </a:cxn>
                    <a:cxn ang="T101">
                      <a:pos x="T14" y="T15"/>
                    </a:cxn>
                    <a:cxn ang="T102">
                      <a:pos x="T16" y="T17"/>
                    </a:cxn>
                    <a:cxn ang="T103">
                      <a:pos x="T18" y="T19"/>
                    </a:cxn>
                    <a:cxn ang="T104">
                      <a:pos x="T20" y="T21"/>
                    </a:cxn>
                    <a:cxn ang="T105">
                      <a:pos x="T22" y="T23"/>
                    </a:cxn>
                    <a:cxn ang="T106">
                      <a:pos x="T24" y="T25"/>
                    </a:cxn>
                    <a:cxn ang="T107">
                      <a:pos x="T26" y="T27"/>
                    </a:cxn>
                    <a:cxn ang="T108">
                      <a:pos x="T28" y="T29"/>
                    </a:cxn>
                    <a:cxn ang="T109">
                      <a:pos x="T30" y="T31"/>
                    </a:cxn>
                    <a:cxn ang="T110">
                      <a:pos x="T32" y="T33"/>
                    </a:cxn>
                    <a:cxn ang="T111">
                      <a:pos x="T34" y="T35"/>
                    </a:cxn>
                    <a:cxn ang="T112">
                      <a:pos x="T36" y="T37"/>
                    </a:cxn>
                    <a:cxn ang="T113">
                      <a:pos x="T38" y="T39"/>
                    </a:cxn>
                    <a:cxn ang="T114">
                      <a:pos x="T40" y="T41"/>
                    </a:cxn>
                    <a:cxn ang="T115">
                      <a:pos x="T42" y="T43"/>
                    </a:cxn>
                    <a:cxn ang="T116">
                      <a:pos x="T44" y="T45"/>
                    </a:cxn>
                    <a:cxn ang="T117">
                      <a:pos x="T46" y="T47"/>
                    </a:cxn>
                    <a:cxn ang="T118">
                      <a:pos x="T48" y="T49"/>
                    </a:cxn>
                    <a:cxn ang="T119">
                      <a:pos x="T50" y="T51"/>
                    </a:cxn>
                    <a:cxn ang="T120">
                      <a:pos x="T52" y="T53"/>
                    </a:cxn>
                    <a:cxn ang="T121">
                      <a:pos x="T54" y="T55"/>
                    </a:cxn>
                    <a:cxn ang="T122">
                      <a:pos x="T56" y="T57"/>
                    </a:cxn>
                    <a:cxn ang="T123">
                      <a:pos x="T58" y="T59"/>
                    </a:cxn>
                    <a:cxn ang="T124">
                      <a:pos x="T60" y="T61"/>
                    </a:cxn>
                    <a:cxn ang="T125">
                      <a:pos x="T62" y="T63"/>
                    </a:cxn>
                    <a:cxn ang="T126">
                      <a:pos x="T64" y="T65"/>
                    </a:cxn>
                    <a:cxn ang="T127">
                      <a:pos x="T66" y="T67"/>
                    </a:cxn>
                    <a:cxn ang="T128">
                      <a:pos x="T68" y="T69"/>
                    </a:cxn>
                    <a:cxn ang="T129">
                      <a:pos x="T70" y="T71"/>
                    </a:cxn>
                    <a:cxn ang="T130">
                      <a:pos x="T72" y="T73"/>
                    </a:cxn>
                    <a:cxn ang="T131">
                      <a:pos x="T74" y="T75"/>
                    </a:cxn>
                    <a:cxn ang="T132">
                      <a:pos x="T76" y="T77"/>
                    </a:cxn>
                    <a:cxn ang="T133">
                      <a:pos x="T78" y="T79"/>
                    </a:cxn>
                    <a:cxn ang="T134">
                      <a:pos x="T80" y="T81"/>
                    </a:cxn>
                    <a:cxn ang="T135">
                      <a:pos x="T82" y="T83"/>
                    </a:cxn>
                    <a:cxn ang="T136">
                      <a:pos x="T84" y="T85"/>
                    </a:cxn>
                    <a:cxn ang="T137">
                      <a:pos x="T86" y="T87"/>
                    </a:cxn>
                    <a:cxn ang="T138">
                      <a:pos x="T88" y="T89"/>
                    </a:cxn>
                    <a:cxn ang="T139">
                      <a:pos x="T90" y="T91"/>
                    </a:cxn>
                    <a:cxn ang="T140">
                      <a:pos x="T92" y="T93"/>
                    </a:cxn>
                  </a:cxnLst>
                  <a:rect l="0" t="0" r="r" b="b"/>
                  <a:pathLst>
                    <a:path w="2044" h="2369">
                      <a:moveTo>
                        <a:pt x="2023" y="1516"/>
                      </a:moveTo>
                      <a:lnTo>
                        <a:pt x="2016" y="1522"/>
                      </a:lnTo>
                      <a:lnTo>
                        <a:pt x="2016" y="1452"/>
                      </a:lnTo>
                      <a:lnTo>
                        <a:pt x="2035" y="1414"/>
                      </a:lnTo>
                      <a:lnTo>
                        <a:pt x="2044" y="1344"/>
                      </a:lnTo>
                      <a:lnTo>
                        <a:pt x="2044" y="1257"/>
                      </a:lnTo>
                      <a:lnTo>
                        <a:pt x="2035" y="1187"/>
                      </a:lnTo>
                      <a:lnTo>
                        <a:pt x="2029" y="1116"/>
                      </a:lnTo>
                      <a:lnTo>
                        <a:pt x="2007" y="1038"/>
                      </a:lnTo>
                      <a:lnTo>
                        <a:pt x="1956" y="955"/>
                      </a:lnTo>
                      <a:lnTo>
                        <a:pt x="1896" y="906"/>
                      </a:lnTo>
                      <a:lnTo>
                        <a:pt x="1878" y="955"/>
                      </a:lnTo>
                      <a:lnTo>
                        <a:pt x="1864" y="1017"/>
                      </a:lnTo>
                      <a:lnTo>
                        <a:pt x="1846" y="1108"/>
                      </a:lnTo>
                      <a:lnTo>
                        <a:pt x="1832" y="1187"/>
                      </a:lnTo>
                      <a:lnTo>
                        <a:pt x="1787" y="1249"/>
                      </a:lnTo>
                      <a:lnTo>
                        <a:pt x="1754" y="1306"/>
                      </a:lnTo>
                      <a:lnTo>
                        <a:pt x="1704" y="1357"/>
                      </a:lnTo>
                      <a:lnTo>
                        <a:pt x="1644" y="1377"/>
                      </a:lnTo>
                      <a:lnTo>
                        <a:pt x="1667" y="1224"/>
                      </a:lnTo>
                      <a:lnTo>
                        <a:pt x="1663" y="1133"/>
                      </a:lnTo>
                      <a:lnTo>
                        <a:pt x="1652" y="1046"/>
                      </a:lnTo>
                      <a:lnTo>
                        <a:pt x="1639" y="975"/>
                      </a:lnTo>
                      <a:lnTo>
                        <a:pt x="1602" y="906"/>
                      </a:lnTo>
                      <a:lnTo>
                        <a:pt x="1574" y="827"/>
                      </a:lnTo>
                      <a:lnTo>
                        <a:pt x="1533" y="744"/>
                      </a:lnTo>
                      <a:lnTo>
                        <a:pt x="1492" y="653"/>
                      </a:lnTo>
                      <a:lnTo>
                        <a:pt x="1441" y="591"/>
                      </a:lnTo>
                      <a:lnTo>
                        <a:pt x="1432" y="711"/>
                      </a:lnTo>
                      <a:lnTo>
                        <a:pt x="1428" y="782"/>
                      </a:lnTo>
                      <a:lnTo>
                        <a:pt x="1414" y="851"/>
                      </a:lnTo>
                      <a:lnTo>
                        <a:pt x="1378" y="909"/>
                      </a:lnTo>
                      <a:lnTo>
                        <a:pt x="1336" y="943"/>
                      </a:lnTo>
                      <a:lnTo>
                        <a:pt x="1336" y="839"/>
                      </a:lnTo>
                      <a:lnTo>
                        <a:pt x="1317" y="768"/>
                      </a:lnTo>
                      <a:lnTo>
                        <a:pt x="1304" y="682"/>
                      </a:lnTo>
                      <a:lnTo>
                        <a:pt x="1276" y="600"/>
                      </a:lnTo>
                      <a:lnTo>
                        <a:pt x="1244" y="529"/>
                      </a:lnTo>
                      <a:lnTo>
                        <a:pt x="1212" y="446"/>
                      </a:lnTo>
                      <a:lnTo>
                        <a:pt x="1172" y="376"/>
                      </a:lnTo>
                      <a:lnTo>
                        <a:pt x="1135" y="305"/>
                      </a:lnTo>
                      <a:lnTo>
                        <a:pt x="1103" y="235"/>
                      </a:lnTo>
                      <a:lnTo>
                        <a:pt x="1057" y="165"/>
                      </a:lnTo>
                      <a:lnTo>
                        <a:pt x="1029" y="82"/>
                      </a:lnTo>
                      <a:lnTo>
                        <a:pt x="997" y="0"/>
                      </a:lnTo>
                      <a:lnTo>
                        <a:pt x="951" y="86"/>
                      </a:lnTo>
                      <a:lnTo>
                        <a:pt x="924" y="169"/>
                      </a:lnTo>
                      <a:lnTo>
                        <a:pt x="905" y="285"/>
                      </a:lnTo>
                      <a:lnTo>
                        <a:pt x="928" y="417"/>
                      </a:lnTo>
                      <a:lnTo>
                        <a:pt x="956" y="541"/>
                      </a:lnTo>
                      <a:lnTo>
                        <a:pt x="970" y="636"/>
                      </a:lnTo>
                      <a:lnTo>
                        <a:pt x="928" y="719"/>
                      </a:lnTo>
                      <a:lnTo>
                        <a:pt x="859" y="653"/>
                      </a:lnTo>
                      <a:lnTo>
                        <a:pt x="772" y="616"/>
                      </a:lnTo>
                      <a:lnTo>
                        <a:pt x="639" y="558"/>
                      </a:lnTo>
                      <a:lnTo>
                        <a:pt x="519" y="546"/>
                      </a:lnTo>
                      <a:lnTo>
                        <a:pt x="561" y="612"/>
                      </a:lnTo>
                      <a:lnTo>
                        <a:pt x="616" y="653"/>
                      </a:lnTo>
                      <a:lnTo>
                        <a:pt x="680" y="753"/>
                      </a:lnTo>
                      <a:lnTo>
                        <a:pt x="676" y="836"/>
                      </a:lnTo>
                      <a:lnTo>
                        <a:pt x="680" y="918"/>
                      </a:lnTo>
                      <a:lnTo>
                        <a:pt x="667" y="1004"/>
                      </a:lnTo>
                      <a:lnTo>
                        <a:pt x="639" y="1075"/>
                      </a:lnTo>
                      <a:lnTo>
                        <a:pt x="643" y="1204"/>
                      </a:lnTo>
                      <a:lnTo>
                        <a:pt x="616" y="1187"/>
                      </a:lnTo>
                      <a:lnTo>
                        <a:pt x="561" y="1116"/>
                      </a:lnTo>
                      <a:lnTo>
                        <a:pt x="496" y="1084"/>
                      </a:lnTo>
                      <a:lnTo>
                        <a:pt x="409" y="1038"/>
                      </a:lnTo>
                      <a:lnTo>
                        <a:pt x="304" y="1038"/>
                      </a:lnTo>
                      <a:lnTo>
                        <a:pt x="354" y="1063"/>
                      </a:lnTo>
                      <a:lnTo>
                        <a:pt x="404" y="1121"/>
                      </a:lnTo>
                      <a:lnTo>
                        <a:pt x="446" y="1199"/>
                      </a:lnTo>
                      <a:lnTo>
                        <a:pt x="469" y="1286"/>
                      </a:lnTo>
                      <a:lnTo>
                        <a:pt x="483" y="1357"/>
                      </a:lnTo>
                      <a:lnTo>
                        <a:pt x="469" y="1452"/>
                      </a:lnTo>
                      <a:lnTo>
                        <a:pt x="455" y="1530"/>
                      </a:lnTo>
                      <a:lnTo>
                        <a:pt x="419" y="1605"/>
                      </a:lnTo>
                      <a:lnTo>
                        <a:pt x="350" y="1555"/>
                      </a:lnTo>
                      <a:lnTo>
                        <a:pt x="299" y="1493"/>
                      </a:lnTo>
                      <a:lnTo>
                        <a:pt x="207" y="1439"/>
                      </a:lnTo>
                      <a:lnTo>
                        <a:pt x="115" y="1401"/>
                      </a:lnTo>
                      <a:lnTo>
                        <a:pt x="0" y="1410"/>
                      </a:lnTo>
                      <a:lnTo>
                        <a:pt x="78" y="1497"/>
                      </a:lnTo>
                      <a:lnTo>
                        <a:pt x="134" y="1564"/>
                      </a:lnTo>
                      <a:lnTo>
                        <a:pt x="193" y="1637"/>
                      </a:lnTo>
                      <a:lnTo>
                        <a:pt x="226" y="1732"/>
                      </a:lnTo>
                      <a:lnTo>
                        <a:pt x="276" y="1836"/>
                      </a:lnTo>
                      <a:lnTo>
                        <a:pt x="304" y="1956"/>
                      </a:lnTo>
                      <a:lnTo>
                        <a:pt x="317" y="2080"/>
                      </a:lnTo>
                      <a:lnTo>
                        <a:pt x="363" y="2200"/>
                      </a:lnTo>
                      <a:lnTo>
                        <a:pt x="409" y="2275"/>
                      </a:lnTo>
                      <a:lnTo>
                        <a:pt x="511" y="2341"/>
                      </a:lnTo>
                      <a:lnTo>
                        <a:pt x="570" y="2369"/>
                      </a:lnTo>
                      <a:lnTo>
                        <a:pt x="874" y="2352"/>
                      </a:lnTo>
                      <a:lnTo>
                        <a:pt x="946" y="2340"/>
                      </a:lnTo>
                      <a:lnTo>
                        <a:pt x="928" y="2329"/>
                      </a:lnTo>
                      <a:lnTo>
                        <a:pt x="850" y="2258"/>
                      </a:lnTo>
                      <a:lnTo>
                        <a:pt x="795" y="2188"/>
                      </a:lnTo>
                      <a:lnTo>
                        <a:pt x="750" y="2122"/>
                      </a:lnTo>
                      <a:lnTo>
                        <a:pt x="717" y="2027"/>
                      </a:lnTo>
                      <a:lnTo>
                        <a:pt x="703" y="1964"/>
                      </a:lnTo>
                      <a:lnTo>
                        <a:pt x="795" y="1981"/>
                      </a:lnTo>
                      <a:lnTo>
                        <a:pt x="781" y="1939"/>
                      </a:lnTo>
                      <a:lnTo>
                        <a:pt x="772" y="1803"/>
                      </a:lnTo>
                      <a:lnTo>
                        <a:pt x="864" y="1881"/>
                      </a:lnTo>
                      <a:lnTo>
                        <a:pt x="992" y="2027"/>
                      </a:lnTo>
                      <a:lnTo>
                        <a:pt x="979" y="1981"/>
                      </a:lnTo>
                      <a:lnTo>
                        <a:pt x="970" y="1910"/>
                      </a:lnTo>
                      <a:lnTo>
                        <a:pt x="965" y="1849"/>
                      </a:lnTo>
                      <a:lnTo>
                        <a:pt x="956" y="1675"/>
                      </a:lnTo>
                      <a:lnTo>
                        <a:pt x="970" y="1625"/>
                      </a:lnTo>
                      <a:lnTo>
                        <a:pt x="1089" y="1729"/>
                      </a:lnTo>
                      <a:lnTo>
                        <a:pt x="1121" y="1696"/>
                      </a:lnTo>
                      <a:lnTo>
                        <a:pt x="1157" y="1637"/>
                      </a:lnTo>
                      <a:lnTo>
                        <a:pt x="1208" y="1518"/>
                      </a:lnTo>
                      <a:lnTo>
                        <a:pt x="1258" y="1435"/>
                      </a:lnTo>
                      <a:lnTo>
                        <a:pt x="1271" y="1460"/>
                      </a:lnTo>
                      <a:lnTo>
                        <a:pt x="1276" y="1542"/>
                      </a:lnTo>
                      <a:lnTo>
                        <a:pt x="1276" y="1650"/>
                      </a:lnTo>
                      <a:lnTo>
                        <a:pt x="1271" y="1758"/>
                      </a:lnTo>
                      <a:lnTo>
                        <a:pt x="1249" y="1869"/>
                      </a:lnTo>
                      <a:lnTo>
                        <a:pt x="1212" y="1932"/>
                      </a:lnTo>
                      <a:lnTo>
                        <a:pt x="1221" y="1990"/>
                      </a:lnTo>
                      <a:lnTo>
                        <a:pt x="1271" y="1944"/>
                      </a:lnTo>
                      <a:lnTo>
                        <a:pt x="1304" y="1895"/>
                      </a:lnTo>
                      <a:lnTo>
                        <a:pt x="1404" y="1824"/>
                      </a:lnTo>
                      <a:lnTo>
                        <a:pt x="1395" y="1927"/>
                      </a:lnTo>
                      <a:lnTo>
                        <a:pt x="1391" y="1964"/>
                      </a:lnTo>
                      <a:lnTo>
                        <a:pt x="1363" y="2034"/>
                      </a:lnTo>
                      <a:lnTo>
                        <a:pt x="1378" y="2047"/>
                      </a:lnTo>
                      <a:lnTo>
                        <a:pt x="1414" y="2047"/>
                      </a:lnTo>
                      <a:lnTo>
                        <a:pt x="1428" y="2022"/>
                      </a:lnTo>
                      <a:lnTo>
                        <a:pt x="1460" y="1998"/>
                      </a:lnTo>
                      <a:lnTo>
                        <a:pt x="1506" y="1964"/>
                      </a:lnTo>
                      <a:lnTo>
                        <a:pt x="1561" y="1927"/>
                      </a:lnTo>
                      <a:lnTo>
                        <a:pt x="1589" y="1898"/>
                      </a:lnTo>
                      <a:lnTo>
                        <a:pt x="1616" y="1910"/>
                      </a:lnTo>
                      <a:lnTo>
                        <a:pt x="1630" y="1956"/>
                      </a:lnTo>
                      <a:lnTo>
                        <a:pt x="1603" y="2032"/>
                      </a:lnTo>
                      <a:lnTo>
                        <a:pt x="1822" y="1820"/>
                      </a:lnTo>
                      <a:lnTo>
                        <a:pt x="1994" y="1569"/>
                      </a:lnTo>
                      <a:lnTo>
                        <a:pt x="2023" y="1516"/>
                      </a:lnTo>
                      <a:close/>
                    </a:path>
                  </a:pathLst>
                </a:custGeom>
                <a:solidFill>
                  <a:srgbClr val="FF912B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5" name="Freeform 64">
                  <a:extLst>
                    <a:ext uri="{FF2B5EF4-FFF2-40B4-BE49-F238E27FC236}">
                      <a16:creationId xmlns:a16="http://schemas.microsoft.com/office/drawing/2014/main" id="{1F72921D-1E9B-4B73-B46F-AD92AAC769D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018" cy="1126"/>
                </a:xfrm>
                <a:custGeom>
                  <a:avLst/>
                  <a:gdLst>
                    <a:gd name="T0" fmla="*/ 1 w 2035"/>
                    <a:gd name="T1" fmla="*/ 1 h 2251"/>
                    <a:gd name="T2" fmla="*/ 1 w 2035"/>
                    <a:gd name="T3" fmla="*/ 1 h 2251"/>
                    <a:gd name="T4" fmla="*/ 1 w 2035"/>
                    <a:gd name="T5" fmla="*/ 1 h 2251"/>
                    <a:gd name="T6" fmla="*/ 1 w 2035"/>
                    <a:gd name="T7" fmla="*/ 1 h 2251"/>
                    <a:gd name="T8" fmla="*/ 1 w 2035"/>
                    <a:gd name="T9" fmla="*/ 1 h 2251"/>
                    <a:gd name="T10" fmla="*/ 1 w 2035"/>
                    <a:gd name="T11" fmla="*/ 1 h 2251"/>
                    <a:gd name="T12" fmla="*/ 1 w 2035"/>
                    <a:gd name="T13" fmla="*/ 1 h 2251"/>
                    <a:gd name="T14" fmla="*/ 1 w 2035"/>
                    <a:gd name="T15" fmla="*/ 1 h 2251"/>
                    <a:gd name="T16" fmla="*/ 1 w 2035"/>
                    <a:gd name="T17" fmla="*/ 1 h 2251"/>
                    <a:gd name="T18" fmla="*/ 1 w 2035"/>
                    <a:gd name="T19" fmla="*/ 1 h 2251"/>
                    <a:gd name="T20" fmla="*/ 1 w 2035"/>
                    <a:gd name="T21" fmla="*/ 1 h 2251"/>
                    <a:gd name="T22" fmla="*/ 1 w 2035"/>
                    <a:gd name="T23" fmla="*/ 1 h 2251"/>
                    <a:gd name="T24" fmla="*/ 1 w 2035"/>
                    <a:gd name="T25" fmla="*/ 1 h 2251"/>
                    <a:gd name="T26" fmla="*/ 1 w 2035"/>
                    <a:gd name="T27" fmla="*/ 1 h 2251"/>
                    <a:gd name="T28" fmla="*/ 1 w 2035"/>
                    <a:gd name="T29" fmla="*/ 1 h 2251"/>
                    <a:gd name="T30" fmla="*/ 1 w 2035"/>
                    <a:gd name="T31" fmla="*/ 1 h 2251"/>
                    <a:gd name="T32" fmla="*/ 1 w 2035"/>
                    <a:gd name="T33" fmla="*/ 1 h 2251"/>
                    <a:gd name="T34" fmla="*/ 1 w 2035"/>
                    <a:gd name="T35" fmla="*/ 1 h 2251"/>
                    <a:gd name="T36" fmla="*/ 1 w 2035"/>
                    <a:gd name="T37" fmla="*/ 1 h 2251"/>
                    <a:gd name="T38" fmla="*/ 1 w 2035"/>
                    <a:gd name="T39" fmla="*/ 1 h 2251"/>
                    <a:gd name="T40" fmla="*/ 1 w 2035"/>
                    <a:gd name="T41" fmla="*/ 1 h 2251"/>
                    <a:gd name="T42" fmla="*/ 1 w 2035"/>
                    <a:gd name="T43" fmla="*/ 1 h 2251"/>
                    <a:gd name="T44" fmla="*/ 1 w 2035"/>
                    <a:gd name="T45" fmla="*/ 1 h 2251"/>
                    <a:gd name="T46" fmla="*/ 1 w 2035"/>
                    <a:gd name="T47" fmla="*/ 1 h 2251"/>
                    <a:gd name="T48" fmla="*/ 1 w 2035"/>
                    <a:gd name="T49" fmla="*/ 1 h 2251"/>
                    <a:gd name="T50" fmla="*/ 1 w 2035"/>
                    <a:gd name="T51" fmla="*/ 1 h 2251"/>
                    <a:gd name="T52" fmla="*/ 1 w 2035"/>
                    <a:gd name="T53" fmla="*/ 1 h 2251"/>
                    <a:gd name="T54" fmla="*/ 1 w 2035"/>
                    <a:gd name="T55" fmla="*/ 1 h 2251"/>
                    <a:gd name="T56" fmla="*/ 1 w 2035"/>
                    <a:gd name="T57" fmla="*/ 1 h 2251"/>
                    <a:gd name="T58" fmla="*/ 1 w 2035"/>
                    <a:gd name="T59" fmla="*/ 1 h 2251"/>
                    <a:gd name="T60" fmla="*/ 1 w 2035"/>
                    <a:gd name="T61" fmla="*/ 1 h 2251"/>
                    <a:gd name="T62" fmla="*/ 1 w 2035"/>
                    <a:gd name="T63" fmla="*/ 1 h 2251"/>
                    <a:gd name="T64" fmla="*/ 1 w 2035"/>
                    <a:gd name="T65" fmla="*/ 1 h 2251"/>
                    <a:gd name="T66" fmla="*/ 1 w 2035"/>
                    <a:gd name="T67" fmla="*/ 1 h 2251"/>
                    <a:gd name="T68" fmla="*/ 1 w 2035"/>
                    <a:gd name="T69" fmla="*/ 1 h 2251"/>
                    <a:gd name="T70" fmla="*/ 1 w 2035"/>
                    <a:gd name="T71" fmla="*/ 1 h 2251"/>
                    <a:gd name="T72" fmla="*/ 1 w 2035"/>
                    <a:gd name="T73" fmla="*/ 1 h 2251"/>
                    <a:gd name="T74" fmla="*/ 1 w 2035"/>
                    <a:gd name="T75" fmla="*/ 1 h 2251"/>
                    <a:gd name="T76" fmla="*/ 1 w 2035"/>
                    <a:gd name="T77" fmla="*/ 1 h 2251"/>
                    <a:gd name="T78" fmla="*/ 1 w 2035"/>
                    <a:gd name="T79" fmla="*/ 1 h 2251"/>
                    <a:gd name="T80" fmla="*/ 1 w 2035"/>
                    <a:gd name="T81" fmla="*/ 1 h 2251"/>
                    <a:gd name="T82" fmla="*/ 1 w 2035"/>
                    <a:gd name="T83" fmla="*/ 1 h 2251"/>
                    <a:gd name="T84" fmla="*/ 1 w 2035"/>
                    <a:gd name="T85" fmla="*/ 1 h 2251"/>
                    <a:gd name="T86" fmla="*/ 1 w 2035"/>
                    <a:gd name="T87" fmla="*/ 1 h 2251"/>
                    <a:gd name="T88" fmla="*/ 1 w 2035"/>
                    <a:gd name="T89" fmla="*/ 1 h 2251"/>
                    <a:gd name="T90" fmla="*/ 1 w 2035"/>
                    <a:gd name="T91" fmla="*/ 1 h 2251"/>
                    <a:gd name="T92" fmla="*/ 1 w 2035"/>
                    <a:gd name="T93" fmla="*/ 1 h 2251"/>
                    <a:gd name="T94" fmla="*/ 1 w 2035"/>
                    <a:gd name="T95" fmla="*/ 1 h 2251"/>
                    <a:gd name="T96" fmla="*/ 1 w 2035"/>
                    <a:gd name="T97" fmla="*/ 1 h 2251"/>
                    <a:gd name="T98" fmla="*/ 1 w 2035"/>
                    <a:gd name="T99" fmla="*/ 1 h 2251"/>
                    <a:gd name="T100" fmla="*/ 1 w 2035"/>
                    <a:gd name="T101" fmla="*/ 1 h 2251"/>
                    <a:gd name="T102" fmla="*/ 1 w 2035"/>
                    <a:gd name="T103" fmla="*/ 1 h 2251"/>
                    <a:gd name="T104" fmla="*/ 1 w 2035"/>
                    <a:gd name="T105" fmla="*/ 1 h 2251"/>
                    <a:gd name="T106" fmla="*/ 1 w 2035"/>
                    <a:gd name="T107" fmla="*/ 1 h 2251"/>
                    <a:gd name="T108" fmla="*/ 1 w 2035"/>
                    <a:gd name="T109" fmla="*/ 1 h 2251"/>
                    <a:gd name="T110" fmla="*/ 1 w 2035"/>
                    <a:gd name="T111" fmla="*/ 1 h 2251"/>
                    <a:gd name="T112" fmla="*/ 1 w 2035"/>
                    <a:gd name="T113" fmla="*/ 1 h 2251"/>
                    <a:gd name="T114" fmla="*/ 1 w 2035"/>
                    <a:gd name="T115" fmla="*/ 0 h 2251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2035" h="2251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1" y="1148"/>
                      </a:lnTo>
                      <a:lnTo>
                        <a:pt x="2022" y="1183"/>
                      </a:lnTo>
                      <a:lnTo>
                        <a:pt x="2006" y="1245"/>
                      </a:lnTo>
                      <a:lnTo>
                        <a:pt x="1980" y="1321"/>
                      </a:lnTo>
                      <a:lnTo>
                        <a:pt x="1955" y="1380"/>
                      </a:lnTo>
                      <a:lnTo>
                        <a:pt x="1940" y="1417"/>
                      </a:lnTo>
                      <a:lnTo>
                        <a:pt x="1914" y="1471"/>
                      </a:lnTo>
                      <a:lnTo>
                        <a:pt x="1947" y="1399"/>
                      </a:lnTo>
                      <a:lnTo>
                        <a:pt x="2022" y="1187"/>
                      </a:lnTo>
                      <a:lnTo>
                        <a:pt x="2035" y="1141"/>
                      </a:lnTo>
                      <a:lnTo>
                        <a:pt x="2016" y="1212"/>
                      </a:lnTo>
                      <a:lnTo>
                        <a:pt x="1991" y="1291"/>
                      </a:lnTo>
                      <a:lnTo>
                        <a:pt x="1964" y="1360"/>
                      </a:lnTo>
                      <a:lnTo>
                        <a:pt x="1937" y="1419"/>
                      </a:lnTo>
                      <a:lnTo>
                        <a:pt x="1912" y="1475"/>
                      </a:lnTo>
                      <a:lnTo>
                        <a:pt x="1880" y="1530"/>
                      </a:lnTo>
                      <a:lnTo>
                        <a:pt x="1844" y="1592"/>
                      </a:lnTo>
                      <a:lnTo>
                        <a:pt x="1808" y="1644"/>
                      </a:lnTo>
                      <a:lnTo>
                        <a:pt x="1751" y="1721"/>
                      </a:lnTo>
                      <a:lnTo>
                        <a:pt x="1690" y="1791"/>
                      </a:lnTo>
                      <a:lnTo>
                        <a:pt x="1622" y="1859"/>
                      </a:lnTo>
                      <a:lnTo>
                        <a:pt x="1561" y="1915"/>
                      </a:lnTo>
                      <a:lnTo>
                        <a:pt x="1501" y="1962"/>
                      </a:lnTo>
                      <a:lnTo>
                        <a:pt x="1449" y="2000"/>
                      </a:lnTo>
                      <a:lnTo>
                        <a:pt x="1383" y="2042"/>
                      </a:lnTo>
                      <a:lnTo>
                        <a:pt x="1326" y="2075"/>
                      </a:lnTo>
                      <a:lnTo>
                        <a:pt x="1277" y="2102"/>
                      </a:lnTo>
                      <a:lnTo>
                        <a:pt x="1171" y="2149"/>
                      </a:lnTo>
                      <a:lnTo>
                        <a:pt x="1228" y="2124"/>
                      </a:lnTo>
                      <a:lnTo>
                        <a:pt x="1294" y="2093"/>
                      </a:lnTo>
                      <a:lnTo>
                        <a:pt x="1349" y="2064"/>
                      </a:lnTo>
                      <a:lnTo>
                        <a:pt x="1403" y="2029"/>
                      </a:lnTo>
                      <a:lnTo>
                        <a:pt x="1482" y="1976"/>
                      </a:lnTo>
                      <a:lnTo>
                        <a:pt x="1526" y="1943"/>
                      </a:lnTo>
                      <a:lnTo>
                        <a:pt x="1580" y="1898"/>
                      </a:lnTo>
                      <a:lnTo>
                        <a:pt x="1594" y="1886"/>
                      </a:lnTo>
                      <a:lnTo>
                        <a:pt x="1585" y="1894"/>
                      </a:lnTo>
                      <a:lnTo>
                        <a:pt x="1554" y="1919"/>
                      </a:lnTo>
                      <a:lnTo>
                        <a:pt x="1504" y="1961"/>
                      </a:lnTo>
                      <a:lnTo>
                        <a:pt x="1458" y="1994"/>
                      </a:lnTo>
                      <a:lnTo>
                        <a:pt x="1425" y="2017"/>
                      </a:lnTo>
                      <a:lnTo>
                        <a:pt x="1403" y="2030"/>
                      </a:lnTo>
                      <a:lnTo>
                        <a:pt x="1376" y="2046"/>
                      </a:lnTo>
                      <a:lnTo>
                        <a:pt x="1375" y="2046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35" y="2237"/>
                      </a:lnTo>
                      <a:lnTo>
                        <a:pt x="847" y="2236"/>
                      </a:lnTo>
                      <a:lnTo>
                        <a:pt x="908" y="2227"/>
                      </a:lnTo>
                      <a:lnTo>
                        <a:pt x="950" y="2217"/>
                      </a:lnTo>
                      <a:lnTo>
                        <a:pt x="995" y="2206"/>
                      </a:lnTo>
                      <a:lnTo>
                        <a:pt x="1054" y="2190"/>
                      </a:lnTo>
                      <a:lnTo>
                        <a:pt x="1121" y="2168"/>
                      </a:lnTo>
                      <a:lnTo>
                        <a:pt x="1026" y="2198"/>
                      </a:lnTo>
                      <a:lnTo>
                        <a:pt x="931" y="2221"/>
                      </a:lnTo>
                      <a:lnTo>
                        <a:pt x="840" y="2237"/>
                      </a:lnTo>
                      <a:lnTo>
                        <a:pt x="721" y="2249"/>
                      </a:lnTo>
                      <a:lnTo>
                        <a:pt x="631" y="2251"/>
                      </a:lnTo>
                      <a:lnTo>
                        <a:pt x="518" y="2247"/>
                      </a:lnTo>
                      <a:lnTo>
                        <a:pt x="416" y="2235"/>
                      </a:lnTo>
                      <a:lnTo>
                        <a:pt x="381" y="2228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9B2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6" name="Freeform 65">
                  <a:extLst>
                    <a:ext uri="{FF2B5EF4-FFF2-40B4-BE49-F238E27FC236}">
                      <a16:creationId xmlns:a16="http://schemas.microsoft.com/office/drawing/2014/main" id="{A69DA44C-ECF4-4DF1-92AD-05DB932D7E5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973" cy="1066"/>
                </a:xfrm>
                <a:custGeom>
                  <a:avLst/>
                  <a:gdLst>
                    <a:gd name="T0" fmla="*/ 1 w 1944"/>
                    <a:gd name="T1" fmla="*/ 1 h 2132"/>
                    <a:gd name="T2" fmla="*/ 1 w 1944"/>
                    <a:gd name="T3" fmla="*/ 1 h 2132"/>
                    <a:gd name="T4" fmla="*/ 1 w 1944"/>
                    <a:gd name="T5" fmla="*/ 1 h 2132"/>
                    <a:gd name="T6" fmla="*/ 1 w 1944"/>
                    <a:gd name="T7" fmla="*/ 1 h 2132"/>
                    <a:gd name="T8" fmla="*/ 1 w 1944"/>
                    <a:gd name="T9" fmla="*/ 1 h 2132"/>
                    <a:gd name="T10" fmla="*/ 1 w 1944"/>
                    <a:gd name="T11" fmla="*/ 1 h 2132"/>
                    <a:gd name="T12" fmla="*/ 1 w 1944"/>
                    <a:gd name="T13" fmla="*/ 1 h 2132"/>
                    <a:gd name="T14" fmla="*/ 1 w 1944"/>
                    <a:gd name="T15" fmla="*/ 1 h 2132"/>
                    <a:gd name="T16" fmla="*/ 1 w 1944"/>
                    <a:gd name="T17" fmla="*/ 1 h 2132"/>
                    <a:gd name="T18" fmla="*/ 1 w 1944"/>
                    <a:gd name="T19" fmla="*/ 1 h 2132"/>
                    <a:gd name="T20" fmla="*/ 1 w 1944"/>
                    <a:gd name="T21" fmla="*/ 1 h 2132"/>
                    <a:gd name="T22" fmla="*/ 1 w 1944"/>
                    <a:gd name="T23" fmla="*/ 1 h 2132"/>
                    <a:gd name="T24" fmla="*/ 1 w 1944"/>
                    <a:gd name="T25" fmla="*/ 1 h 2132"/>
                    <a:gd name="T26" fmla="*/ 1 w 1944"/>
                    <a:gd name="T27" fmla="*/ 1 h 2132"/>
                    <a:gd name="T28" fmla="*/ 1 w 1944"/>
                    <a:gd name="T29" fmla="*/ 1 h 2132"/>
                    <a:gd name="T30" fmla="*/ 1 w 1944"/>
                    <a:gd name="T31" fmla="*/ 1 h 2132"/>
                    <a:gd name="T32" fmla="*/ 1 w 1944"/>
                    <a:gd name="T33" fmla="*/ 1 h 2132"/>
                    <a:gd name="T34" fmla="*/ 1 w 1944"/>
                    <a:gd name="T35" fmla="*/ 1 h 2132"/>
                    <a:gd name="T36" fmla="*/ 1 w 1944"/>
                    <a:gd name="T37" fmla="*/ 1 h 2132"/>
                    <a:gd name="T38" fmla="*/ 1 w 1944"/>
                    <a:gd name="T39" fmla="*/ 1 h 2132"/>
                    <a:gd name="T40" fmla="*/ 1 w 1944"/>
                    <a:gd name="T41" fmla="*/ 1 h 2132"/>
                    <a:gd name="T42" fmla="*/ 1 w 1944"/>
                    <a:gd name="T43" fmla="*/ 1 h 2132"/>
                    <a:gd name="T44" fmla="*/ 1 w 1944"/>
                    <a:gd name="T45" fmla="*/ 1 h 2132"/>
                    <a:gd name="T46" fmla="*/ 1 w 1944"/>
                    <a:gd name="T47" fmla="*/ 1 h 2132"/>
                    <a:gd name="T48" fmla="*/ 1 w 1944"/>
                    <a:gd name="T49" fmla="*/ 1 h 2132"/>
                    <a:gd name="T50" fmla="*/ 1 w 1944"/>
                    <a:gd name="T51" fmla="*/ 1 h 2132"/>
                    <a:gd name="T52" fmla="*/ 1 w 1944"/>
                    <a:gd name="T53" fmla="*/ 1 h 2132"/>
                    <a:gd name="T54" fmla="*/ 1 w 1944"/>
                    <a:gd name="T55" fmla="*/ 1 h 2132"/>
                    <a:gd name="T56" fmla="*/ 1 w 1944"/>
                    <a:gd name="T57" fmla="*/ 1 h 2132"/>
                    <a:gd name="T58" fmla="*/ 1 w 1944"/>
                    <a:gd name="T59" fmla="*/ 1 h 2132"/>
                    <a:gd name="T60" fmla="*/ 1 w 1944"/>
                    <a:gd name="T61" fmla="*/ 1 h 2132"/>
                    <a:gd name="T62" fmla="*/ 1 w 1944"/>
                    <a:gd name="T63" fmla="*/ 1 h 2132"/>
                    <a:gd name="T64" fmla="*/ 1 w 1944"/>
                    <a:gd name="T65" fmla="*/ 1 h 2132"/>
                    <a:gd name="T66" fmla="*/ 1 w 1944"/>
                    <a:gd name="T67" fmla="*/ 1 h 2132"/>
                    <a:gd name="T68" fmla="*/ 1 w 1944"/>
                    <a:gd name="T69" fmla="*/ 1 h 2132"/>
                    <a:gd name="T70" fmla="*/ 1 w 1944"/>
                    <a:gd name="T71" fmla="*/ 1 h 2132"/>
                    <a:gd name="T72" fmla="*/ 1 w 1944"/>
                    <a:gd name="T73" fmla="*/ 1 h 2132"/>
                    <a:gd name="T74" fmla="*/ 1 w 1944"/>
                    <a:gd name="T75" fmla="*/ 1 h 2132"/>
                    <a:gd name="T76" fmla="*/ 1 w 1944"/>
                    <a:gd name="T77" fmla="*/ 1 h 2132"/>
                    <a:gd name="T78" fmla="*/ 1 w 1944"/>
                    <a:gd name="T79" fmla="*/ 1 h 2132"/>
                    <a:gd name="T80" fmla="*/ 1 w 1944"/>
                    <a:gd name="T81" fmla="*/ 1 h 2132"/>
                    <a:gd name="T82" fmla="*/ 1 w 1944"/>
                    <a:gd name="T83" fmla="*/ 1 h 2132"/>
                    <a:gd name="T84" fmla="*/ 1 w 1944"/>
                    <a:gd name="T85" fmla="*/ 1 h 2132"/>
                    <a:gd name="T86" fmla="*/ 1 w 1944"/>
                    <a:gd name="T87" fmla="*/ 1 h 2132"/>
                    <a:gd name="T88" fmla="*/ 1 w 1944"/>
                    <a:gd name="T89" fmla="*/ 1 h 2132"/>
                    <a:gd name="T90" fmla="*/ 1 w 1944"/>
                    <a:gd name="T91" fmla="*/ 1 h 2132"/>
                    <a:gd name="T92" fmla="*/ 1 w 1944"/>
                    <a:gd name="T93" fmla="*/ 1 h 2132"/>
                    <a:gd name="T94" fmla="*/ 1 w 1944"/>
                    <a:gd name="T95" fmla="*/ 1 h 2132"/>
                    <a:gd name="T96" fmla="*/ 1 w 1944"/>
                    <a:gd name="T97" fmla="*/ 1 h 2132"/>
                    <a:gd name="T98" fmla="*/ 1 w 1944"/>
                    <a:gd name="T99" fmla="*/ 1 h 2132"/>
                    <a:gd name="T100" fmla="*/ 1 w 1944"/>
                    <a:gd name="T101" fmla="*/ 1 h 2132"/>
                    <a:gd name="T102" fmla="*/ 1 w 1944"/>
                    <a:gd name="T103" fmla="*/ 1 h 2132"/>
                    <a:gd name="T104" fmla="*/ 1 w 1944"/>
                    <a:gd name="T105" fmla="*/ 1 h 2132"/>
                    <a:gd name="T106" fmla="*/ 1 w 1944"/>
                    <a:gd name="T107" fmla="*/ 1 h 2132"/>
                    <a:gd name="T108" fmla="*/ 1 w 1944"/>
                    <a:gd name="T109" fmla="*/ 1 h 2132"/>
                    <a:gd name="T110" fmla="*/ 1 w 1944"/>
                    <a:gd name="T111" fmla="*/ 1 h 2132"/>
                    <a:gd name="T112" fmla="*/ 1 w 1944"/>
                    <a:gd name="T113" fmla="*/ 1 h 2132"/>
                    <a:gd name="T114" fmla="*/ 1 w 1944"/>
                    <a:gd name="T115" fmla="*/ 0 h 2132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1944" h="2132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44" y="945"/>
                      </a:lnTo>
                      <a:lnTo>
                        <a:pt x="1944" y="954"/>
                      </a:lnTo>
                      <a:lnTo>
                        <a:pt x="1935" y="1027"/>
                      </a:lnTo>
                      <a:lnTo>
                        <a:pt x="1922" y="1093"/>
                      </a:lnTo>
                      <a:lnTo>
                        <a:pt x="1907" y="1153"/>
                      </a:lnTo>
                      <a:lnTo>
                        <a:pt x="1892" y="1209"/>
                      </a:lnTo>
                      <a:lnTo>
                        <a:pt x="1868" y="1278"/>
                      </a:lnTo>
                      <a:lnTo>
                        <a:pt x="1846" y="1333"/>
                      </a:lnTo>
                      <a:lnTo>
                        <a:pt x="1831" y="1367"/>
                      </a:lnTo>
                      <a:lnTo>
                        <a:pt x="1808" y="1416"/>
                      </a:lnTo>
                      <a:lnTo>
                        <a:pt x="1838" y="1350"/>
                      </a:lnTo>
                      <a:lnTo>
                        <a:pt x="1906" y="1155"/>
                      </a:lnTo>
                      <a:lnTo>
                        <a:pt x="1917" y="1113"/>
                      </a:lnTo>
                      <a:lnTo>
                        <a:pt x="1901" y="1180"/>
                      </a:lnTo>
                      <a:lnTo>
                        <a:pt x="1878" y="1252"/>
                      </a:lnTo>
                      <a:lnTo>
                        <a:pt x="1854" y="1314"/>
                      </a:lnTo>
                      <a:lnTo>
                        <a:pt x="1829" y="1369"/>
                      </a:lnTo>
                      <a:lnTo>
                        <a:pt x="1806" y="1419"/>
                      </a:lnTo>
                      <a:lnTo>
                        <a:pt x="1777" y="1471"/>
                      </a:lnTo>
                      <a:lnTo>
                        <a:pt x="1743" y="1528"/>
                      </a:lnTo>
                      <a:lnTo>
                        <a:pt x="1711" y="1575"/>
                      </a:lnTo>
                      <a:lnTo>
                        <a:pt x="1658" y="1646"/>
                      </a:lnTo>
                      <a:lnTo>
                        <a:pt x="1602" y="1709"/>
                      </a:lnTo>
                      <a:lnTo>
                        <a:pt x="1541" y="1772"/>
                      </a:lnTo>
                      <a:lnTo>
                        <a:pt x="1484" y="1823"/>
                      </a:lnTo>
                      <a:lnTo>
                        <a:pt x="1429" y="1867"/>
                      </a:lnTo>
                      <a:lnTo>
                        <a:pt x="1381" y="1901"/>
                      </a:lnTo>
                      <a:lnTo>
                        <a:pt x="1322" y="1941"/>
                      </a:lnTo>
                      <a:lnTo>
                        <a:pt x="1269" y="1970"/>
                      </a:lnTo>
                      <a:lnTo>
                        <a:pt x="1223" y="1994"/>
                      </a:lnTo>
                      <a:lnTo>
                        <a:pt x="1126" y="2038"/>
                      </a:lnTo>
                      <a:lnTo>
                        <a:pt x="1179" y="2015"/>
                      </a:lnTo>
                      <a:lnTo>
                        <a:pt x="1239" y="1986"/>
                      </a:lnTo>
                      <a:lnTo>
                        <a:pt x="1289" y="1960"/>
                      </a:lnTo>
                      <a:lnTo>
                        <a:pt x="1340" y="1928"/>
                      </a:lnTo>
                      <a:lnTo>
                        <a:pt x="1411" y="1879"/>
                      </a:lnTo>
                      <a:lnTo>
                        <a:pt x="1451" y="1849"/>
                      </a:lnTo>
                      <a:lnTo>
                        <a:pt x="1501" y="1807"/>
                      </a:lnTo>
                      <a:lnTo>
                        <a:pt x="1514" y="1797"/>
                      </a:lnTo>
                      <a:lnTo>
                        <a:pt x="1506" y="1804"/>
                      </a:lnTo>
                      <a:lnTo>
                        <a:pt x="1478" y="1828"/>
                      </a:lnTo>
                      <a:lnTo>
                        <a:pt x="1431" y="1866"/>
                      </a:lnTo>
                      <a:lnTo>
                        <a:pt x="1389" y="1896"/>
                      </a:lnTo>
                      <a:lnTo>
                        <a:pt x="1359" y="1916"/>
                      </a:lnTo>
                      <a:lnTo>
                        <a:pt x="1340" y="1928"/>
                      </a:lnTo>
                      <a:lnTo>
                        <a:pt x="1315" y="1943"/>
                      </a:lnTo>
                      <a:lnTo>
                        <a:pt x="1311" y="1946"/>
                      </a:lnTo>
                      <a:lnTo>
                        <a:pt x="1359" y="1916"/>
                      </a:lnTo>
                      <a:lnTo>
                        <a:pt x="1379" y="1904"/>
                      </a:lnTo>
                      <a:lnTo>
                        <a:pt x="1399" y="1888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54" y="2126"/>
                      </a:lnTo>
                      <a:lnTo>
                        <a:pt x="788" y="2123"/>
                      </a:lnTo>
                      <a:lnTo>
                        <a:pt x="829" y="2117"/>
                      </a:lnTo>
                      <a:lnTo>
                        <a:pt x="886" y="2108"/>
                      </a:lnTo>
                      <a:lnTo>
                        <a:pt x="924" y="2100"/>
                      </a:lnTo>
                      <a:lnTo>
                        <a:pt x="966" y="2090"/>
                      </a:lnTo>
                      <a:lnTo>
                        <a:pt x="1019" y="2075"/>
                      </a:lnTo>
                      <a:lnTo>
                        <a:pt x="1080" y="2056"/>
                      </a:lnTo>
                      <a:lnTo>
                        <a:pt x="993" y="2083"/>
                      </a:lnTo>
                      <a:lnTo>
                        <a:pt x="906" y="2104"/>
                      </a:lnTo>
                      <a:lnTo>
                        <a:pt x="823" y="2118"/>
                      </a:lnTo>
                      <a:lnTo>
                        <a:pt x="713" y="2130"/>
                      </a:lnTo>
                      <a:lnTo>
                        <a:pt x="631" y="2132"/>
                      </a:lnTo>
                      <a:lnTo>
                        <a:pt x="528" y="2128"/>
                      </a:lnTo>
                      <a:lnTo>
                        <a:pt x="433" y="2117"/>
                      </a:lnTo>
                      <a:lnTo>
                        <a:pt x="382" y="2107"/>
                      </a:lnTo>
                      <a:lnTo>
                        <a:pt x="323" y="2093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A43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7" name="Freeform 66">
                  <a:extLst>
                    <a:ext uri="{FF2B5EF4-FFF2-40B4-BE49-F238E27FC236}">
                      <a16:creationId xmlns:a16="http://schemas.microsoft.com/office/drawing/2014/main" id="{EA7FC573-6065-4BDA-ADC6-ADAE8AD9753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916" cy="1007"/>
                </a:xfrm>
                <a:custGeom>
                  <a:avLst/>
                  <a:gdLst>
                    <a:gd name="T0" fmla="*/ 1 w 1830"/>
                    <a:gd name="T1" fmla="*/ 1 h 2013"/>
                    <a:gd name="T2" fmla="*/ 1 w 1830"/>
                    <a:gd name="T3" fmla="*/ 1 h 2013"/>
                    <a:gd name="T4" fmla="*/ 1 w 1830"/>
                    <a:gd name="T5" fmla="*/ 1 h 2013"/>
                    <a:gd name="T6" fmla="*/ 1 w 1830"/>
                    <a:gd name="T7" fmla="*/ 1 h 2013"/>
                    <a:gd name="T8" fmla="*/ 1 w 1830"/>
                    <a:gd name="T9" fmla="*/ 1 h 2013"/>
                    <a:gd name="T10" fmla="*/ 1 w 1830"/>
                    <a:gd name="T11" fmla="*/ 1 h 2013"/>
                    <a:gd name="T12" fmla="*/ 1 w 1830"/>
                    <a:gd name="T13" fmla="*/ 1 h 2013"/>
                    <a:gd name="T14" fmla="*/ 1 w 1830"/>
                    <a:gd name="T15" fmla="*/ 1 h 2013"/>
                    <a:gd name="T16" fmla="*/ 1 w 1830"/>
                    <a:gd name="T17" fmla="*/ 1 h 2013"/>
                    <a:gd name="T18" fmla="*/ 1 w 1830"/>
                    <a:gd name="T19" fmla="*/ 1 h 2013"/>
                    <a:gd name="T20" fmla="*/ 1 w 1830"/>
                    <a:gd name="T21" fmla="*/ 1 h 2013"/>
                    <a:gd name="T22" fmla="*/ 1 w 1830"/>
                    <a:gd name="T23" fmla="*/ 1 h 2013"/>
                    <a:gd name="T24" fmla="*/ 1 w 1830"/>
                    <a:gd name="T25" fmla="*/ 1 h 2013"/>
                    <a:gd name="T26" fmla="*/ 1 w 1830"/>
                    <a:gd name="T27" fmla="*/ 1 h 2013"/>
                    <a:gd name="T28" fmla="*/ 1 w 1830"/>
                    <a:gd name="T29" fmla="*/ 1 h 2013"/>
                    <a:gd name="T30" fmla="*/ 1 w 1830"/>
                    <a:gd name="T31" fmla="*/ 1 h 2013"/>
                    <a:gd name="T32" fmla="*/ 1 w 1830"/>
                    <a:gd name="T33" fmla="*/ 1 h 2013"/>
                    <a:gd name="T34" fmla="*/ 1 w 1830"/>
                    <a:gd name="T35" fmla="*/ 1 h 2013"/>
                    <a:gd name="T36" fmla="*/ 1 w 1830"/>
                    <a:gd name="T37" fmla="*/ 1 h 2013"/>
                    <a:gd name="T38" fmla="*/ 1 w 1830"/>
                    <a:gd name="T39" fmla="*/ 1 h 2013"/>
                    <a:gd name="T40" fmla="*/ 1 w 1830"/>
                    <a:gd name="T41" fmla="*/ 1 h 2013"/>
                    <a:gd name="T42" fmla="*/ 1 w 1830"/>
                    <a:gd name="T43" fmla="*/ 1 h 2013"/>
                    <a:gd name="T44" fmla="*/ 1 w 1830"/>
                    <a:gd name="T45" fmla="*/ 1 h 2013"/>
                    <a:gd name="T46" fmla="*/ 1 w 1830"/>
                    <a:gd name="T47" fmla="*/ 1 h 2013"/>
                    <a:gd name="T48" fmla="*/ 1 w 1830"/>
                    <a:gd name="T49" fmla="*/ 1 h 2013"/>
                    <a:gd name="T50" fmla="*/ 1 w 1830"/>
                    <a:gd name="T51" fmla="*/ 1 h 2013"/>
                    <a:gd name="T52" fmla="*/ 1 w 1830"/>
                    <a:gd name="T53" fmla="*/ 1 h 2013"/>
                    <a:gd name="T54" fmla="*/ 1 w 1830"/>
                    <a:gd name="T55" fmla="*/ 1 h 2013"/>
                    <a:gd name="T56" fmla="*/ 1 w 1830"/>
                    <a:gd name="T57" fmla="*/ 1 h 2013"/>
                    <a:gd name="T58" fmla="*/ 1 w 1830"/>
                    <a:gd name="T59" fmla="*/ 1 h 2013"/>
                    <a:gd name="T60" fmla="*/ 1 w 1830"/>
                    <a:gd name="T61" fmla="*/ 1 h 2013"/>
                    <a:gd name="T62" fmla="*/ 1 w 1830"/>
                    <a:gd name="T63" fmla="*/ 1 h 2013"/>
                    <a:gd name="T64" fmla="*/ 1 w 1830"/>
                    <a:gd name="T65" fmla="*/ 1 h 2013"/>
                    <a:gd name="T66" fmla="*/ 1 w 1830"/>
                    <a:gd name="T67" fmla="*/ 1 h 2013"/>
                    <a:gd name="T68" fmla="*/ 1 w 1830"/>
                    <a:gd name="T69" fmla="*/ 1 h 2013"/>
                    <a:gd name="T70" fmla="*/ 1 w 1830"/>
                    <a:gd name="T71" fmla="*/ 1 h 2013"/>
                    <a:gd name="T72" fmla="*/ 1 w 1830"/>
                    <a:gd name="T73" fmla="*/ 1 h 2013"/>
                    <a:gd name="T74" fmla="*/ 1 w 1830"/>
                    <a:gd name="T75" fmla="*/ 1 h 2013"/>
                    <a:gd name="T76" fmla="*/ 1 w 1830"/>
                    <a:gd name="T77" fmla="*/ 1 h 2013"/>
                    <a:gd name="T78" fmla="*/ 1 w 1830"/>
                    <a:gd name="T79" fmla="*/ 1 h 2013"/>
                    <a:gd name="T80" fmla="*/ 1 w 1830"/>
                    <a:gd name="T81" fmla="*/ 1 h 2013"/>
                    <a:gd name="T82" fmla="*/ 1 w 1830"/>
                    <a:gd name="T83" fmla="*/ 1 h 2013"/>
                    <a:gd name="T84" fmla="*/ 1 w 1830"/>
                    <a:gd name="T85" fmla="*/ 1 h 2013"/>
                    <a:gd name="T86" fmla="*/ 1 w 1830"/>
                    <a:gd name="T87" fmla="*/ 1 h 2013"/>
                    <a:gd name="T88" fmla="*/ 1 w 1830"/>
                    <a:gd name="T89" fmla="*/ 1 h 2013"/>
                    <a:gd name="T90" fmla="*/ 1 w 1830"/>
                    <a:gd name="T91" fmla="*/ 1 h 2013"/>
                    <a:gd name="T92" fmla="*/ 1 w 1830"/>
                    <a:gd name="T93" fmla="*/ 1 h 2013"/>
                    <a:gd name="T94" fmla="*/ 1 w 1830"/>
                    <a:gd name="T95" fmla="*/ 1 h 2013"/>
                    <a:gd name="T96" fmla="*/ 1 w 1830"/>
                    <a:gd name="T97" fmla="*/ 1 h 2013"/>
                    <a:gd name="T98" fmla="*/ 1 w 1830"/>
                    <a:gd name="T99" fmla="*/ 1 h 2013"/>
                    <a:gd name="T100" fmla="*/ 1 w 1830"/>
                    <a:gd name="T101" fmla="*/ 1 h 2013"/>
                    <a:gd name="T102" fmla="*/ 1 w 1830"/>
                    <a:gd name="T103" fmla="*/ 1 h 2013"/>
                    <a:gd name="T104" fmla="*/ 1 w 1830"/>
                    <a:gd name="T105" fmla="*/ 1 h 2013"/>
                    <a:gd name="T106" fmla="*/ 1 w 1830"/>
                    <a:gd name="T107" fmla="*/ 1 h 2013"/>
                    <a:gd name="T108" fmla="*/ 1 w 1830"/>
                    <a:gd name="T109" fmla="*/ 1 h 2013"/>
                    <a:gd name="T110" fmla="*/ 1 w 1830"/>
                    <a:gd name="T111" fmla="*/ 1 h 2013"/>
                    <a:gd name="T112" fmla="*/ 1 w 1830"/>
                    <a:gd name="T113" fmla="*/ 1 h 2013"/>
                    <a:gd name="T114" fmla="*/ 1 w 1830"/>
                    <a:gd name="T115" fmla="*/ 1 h 2013"/>
                    <a:gd name="T116" fmla="*/ 1 w 1830"/>
                    <a:gd name="T117" fmla="*/ 0 h 2013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</a:gdLst>
                  <a:ahLst/>
                  <a:cxnLst>
                    <a:cxn ang="T118">
                      <a:pos x="T0" y="T1"/>
                    </a:cxn>
                    <a:cxn ang="T119">
                      <a:pos x="T2" y="T3"/>
                    </a:cxn>
                    <a:cxn ang="T120">
                      <a:pos x="T4" y="T5"/>
                    </a:cxn>
                    <a:cxn ang="T121">
                      <a:pos x="T6" y="T7"/>
                    </a:cxn>
                    <a:cxn ang="T122">
                      <a:pos x="T8" y="T9"/>
                    </a:cxn>
                    <a:cxn ang="T123">
                      <a:pos x="T10" y="T11"/>
                    </a:cxn>
                    <a:cxn ang="T124">
                      <a:pos x="T12" y="T13"/>
                    </a:cxn>
                    <a:cxn ang="T125">
                      <a:pos x="T14" y="T15"/>
                    </a:cxn>
                    <a:cxn ang="T126">
                      <a:pos x="T16" y="T17"/>
                    </a:cxn>
                    <a:cxn ang="T127">
                      <a:pos x="T18" y="T19"/>
                    </a:cxn>
                    <a:cxn ang="T128">
                      <a:pos x="T20" y="T21"/>
                    </a:cxn>
                    <a:cxn ang="T129">
                      <a:pos x="T22" y="T23"/>
                    </a:cxn>
                    <a:cxn ang="T130">
                      <a:pos x="T24" y="T25"/>
                    </a:cxn>
                    <a:cxn ang="T131">
                      <a:pos x="T26" y="T27"/>
                    </a:cxn>
                    <a:cxn ang="T132">
                      <a:pos x="T28" y="T29"/>
                    </a:cxn>
                    <a:cxn ang="T133">
                      <a:pos x="T30" y="T31"/>
                    </a:cxn>
                    <a:cxn ang="T134">
                      <a:pos x="T32" y="T33"/>
                    </a:cxn>
                    <a:cxn ang="T135">
                      <a:pos x="T34" y="T35"/>
                    </a:cxn>
                    <a:cxn ang="T136">
                      <a:pos x="T36" y="T37"/>
                    </a:cxn>
                    <a:cxn ang="T137">
                      <a:pos x="T38" y="T39"/>
                    </a:cxn>
                    <a:cxn ang="T138">
                      <a:pos x="T40" y="T41"/>
                    </a:cxn>
                    <a:cxn ang="T139">
                      <a:pos x="T42" y="T43"/>
                    </a:cxn>
                    <a:cxn ang="T140">
                      <a:pos x="T44" y="T45"/>
                    </a:cxn>
                    <a:cxn ang="T141">
                      <a:pos x="T46" y="T47"/>
                    </a:cxn>
                    <a:cxn ang="T142">
                      <a:pos x="T48" y="T49"/>
                    </a:cxn>
                    <a:cxn ang="T143">
                      <a:pos x="T50" y="T51"/>
                    </a:cxn>
                    <a:cxn ang="T144">
                      <a:pos x="T52" y="T53"/>
                    </a:cxn>
                    <a:cxn ang="T145">
                      <a:pos x="T54" y="T55"/>
                    </a:cxn>
                    <a:cxn ang="T146">
                      <a:pos x="T56" y="T57"/>
                    </a:cxn>
                    <a:cxn ang="T147">
                      <a:pos x="T58" y="T59"/>
                    </a:cxn>
                    <a:cxn ang="T148">
                      <a:pos x="T60" y="T61"/>
                    </a:cxn>
                    <a:cxn ang="T149">
                      <a:pos x="T62" y="T63"/>
                    </a:cxn>
                    <a:cxn ang="T150">
                      <a:pos x="T64" y="T65"/>
                    </a:cxn>
                    <a:cxn ang="T151">
                      <a:pos x="T66" y="T67"/>
                    </a:cxn>
                    <a:cxn ang="T152">
                      <a:pos x="T68" y="T69"/>
                    </a:cxn>
                    <a:cxn ang="T153">
                      <a:pos x="T70" y="T71"/>
                    </a:cxn>
                    <a:cxn ang="T154">
                      <a:pos x="T72" y="T73"/>
                    </a:cxn>
                    <a:cxn ang="T155">
                      <a:pos x="T74" y="T75"/>
                    </a:cxn>
                    <a:cxn ang="T156">
                      <a:pos x="T76" y="T77"/>
                    </a:cxn>
                    <a:cxn ang="T157">
                      <a:pos x="T78" y="T79"/>
                    </a:cxn>
                    <a:cxn ang="T158">
                      <a:pos x="T80" y="T81"/>
                    </a:cxn>
                    <a:cxn ang="T159">
                      <a:pos x="T82" y="T83"/>
                    </a:cxn>
                    <a:cxn ang="T160">
                      <a:pos x="T84" y="T85"/>
                    </a:cxn>
                    <a:cxn ang="T161">
                      <a:pos x="T86" y="T87"/>
                    </a:cxn>
                    <a:cxn ang="T162">
                      <a:pos x="T88" y="T89"/>
                    </a:cxn>
                    <a:cxn ang="T163">
                      <a:pos x="T90" y="T91"/>
                    </a:cxn>
                    <a:cxn ang="T164">
                      <a:pos x="T92" y="T93"/>
                    </a:cxn>
                    <a:cxn ang="T165">
                      <a:pos x="T94" y="T95"/>
                    </a:cxn>
                    <a:cxn ang="T166">
                      <a:pos x="T96" y="T97"/>
                    </a:cxn>
                    <a:cxn ang="T167">
                      <a:pos x="T98" y="T99"/>
                    </a:cxn>
                    <a:cxn ang="T168">
                      <a:pos x="T100" y="T101"/>
                    </a:cxn>
                    <a:cxn ang="T169">
                      <a:pos x="T102" y="T103"/>
                    </a:cxn>
                    <a:cxn ang="T170">
                      <a:pos x="T104" y="T105"/>
                    </a:cxn>
                    <a:cxn ang="T171">
                      <a:pos x="T106" y="T107"/>
                    </a:cxn>
                    <a:cxn ang="T172">
                      <a:pos x="T108" y="T109"/>
                    </a:cxn>
                    <a:cxn ang="T173">
                      <a:pos x="T110" y="T111"/>
                    </a:cxn>
                    <a:cxn ang="T174">
                      <a:pos x="T112" y="T113"/>
                    </a:cxn>
                    <a:cxn ang="T175">
                      <a:pos x="T114" y="T115"/>
                    </a:cxn>
                    <a:cxn ang="T176">
                      <a:pos x="T116" y="T117"/>
                    </a:cxn>
                  </a:cxnLst>
                  <a:rect l="0" t="0" r="r" b="b"/>
                  <a:pathLst>
                    <a:path w="1830" h="2013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3" y="1357"/>
                      </a:lnTo>
                      <a:lnTo>
                        <a:pt x="1704" y="1357"/>
                      </a:lnTo>
                      <a:lnTo>
                        <a:pt x="1733" y="1297"/>
                      </a:lnTo>
                      <a:lnTo>
                        <a:pt x="1756" y="1238"/>
                      </a:lnTo>
                      <a:lnTo>
                        <a:pt x="1779" y="1170"/>
                      </a:lnTo>
                      <a:lnTo>
                        <a:pt x="1799" y="1097"/>
                      </a:lnTo>
                      <a:lnTo>
                        <a:pt x="1818" y="1009"/>
                      </a:lnTo>
                      <a:lnTo>
                        <a:pt x="1826" y="950"/>
                      </a:lnTo>
                      <a:lnTo>
                        <a:pt x="1830" y="902"/>
                      </a:lnTo>
                      <a:lnTo>
                        <a:pt x="1827" y="942"/>
                      </a:lnTo>
                      <a:lnTo>
                        <a:pt x="1818" y="1008"/>
                      </a:lnTo>
                      <a:lnTo>
                        <a:pt x="1806" y="1068"/>
                      </a:lnTo>
                      <a:lnTo>
                        <a:pt x="1792" y="1123"/>
                      </a:lnTo>
                      <a:lnTo>
                        <a:pt x="1778" y="1174"/>
                      </a:lnTo>
                      <a:lnTo>
                        <a:pt x="1756" y="1237"/>
                      </a:lnTo>
                      <a:lnTo>
                        <a:pt x="1736" y="1286"/>
                      </a:lnTo>
                      <a:lnTo>
                        <a:pt x="1723" y="1318"/>
                      </a:lnTo>
                      <a:lnTo>
                        <a:pt x="1702" y="1361"/>
                      </a:lnTo>
                      <a:lnTo>
                        <a:pt x="1730" y="1302"/>
                      </a:lnTo>
                      <a:lnTo>
                        <a:pt x="1792" y="1125"/>
                      </a:lnTo>
                      <a:lnTo>
                        <a:pt x="1802" y="1086"/>
                      </a:lnTo>
                      <a:lnTo>
                        <a:pt x="1787" y="1146"/>
                      </a:lnTo>
                      <a:lnTo>
                        <a:pt x="1765" y="1212"/>
                      </a:lnTo>
                      <a:lnTo>
                        <a:pt x="1744" y="1269"/>
                      </a:lnTo>
                      <a:lnTo>
                        <a:pt x="1722" y="1319"/>
                      </a:lnTo>
                      <a:lnTo>
                        <a:pt x="1699" y="1366"/>
                      </a:lnTo>
                      <a:lnTo>
                        <a:pt x="1674" y="1412"/>
                      </a:lnTo>
                      <a:lnTo>
                        <a:pt x="1644" y="1463"/>
                      </a:lnTo>
                      <a:lnTo>
                        <a:pt x="1613" y="1507"/>
                      </a:lnTo>
                      <a:lnTo>
                        <a:pt x="1565" y="1571"/>
                      </a:lnTo>
                      <a:lnTo>
                        <a:pt x="1515" y="1628"/>
                      </a:lnTo>
                      <a:lnTo>
                        <a:pt x="1459" y="1686"/>
                      </a:lnTo>
                      <a:lnTo>
                        <a:pt x="1408" y="1732"/>
                      </a:lnTo>
                      <a:lnTo>
                        <a:pt x="1357" y="1772"/>
                      </a:lnTo>
                      <a:lnTo>
                        <a:pt x="1314" y="1803"/>
                      </a:lnTo>
                      <a:lnTo>
                        <a:pt x="1259" y="1839"/>
                      </a:lnTo>
                      <a:lnTo>
                        <a:pt x="1212" y="1866"/>
                      </a:lnTo>
                      <a:lnTo>
                        <a:pt x="1171" y="1888"/>
                      </a:lnTo>
                      <a:lnTo>
                        <a:pt x="1083" y="1927"/>
                      </a:lnTo>
                      <a:lnTo>
                        <a:pt x="1130" y="1907"/>
                      </a:lnTo>
                      <a:lnTo>
                        <a:pt x="1184" y="1881"/>
                      </a:lnTo>
                      <a:lnTo>
                        <a:pt x="1230" y="1857"/>
                      </a:lnTo>
                      <a:lnTo>
                        <a:pt x="1276" y="1828"/>
                      </a:lnTo>
                      <a:lnTo>
                        <a:pt x="1342" y="1784"/>
                      </a:lnTo>
                      <a:lnTo>
                        <a:pt x="1379" y="1756"/>
                      </a:lnTo>
                      <a:lnTo>
                        <a:pt x="1423" y="1718"/>
                      </a:lnTo>
                      <a:lnTo>
                        <a:pt x="1435" y="1709"/>
                      </a:lnTo>
                      <a:lnTo>
                        <a:pt x="1428" y="1715"/>
                      </a:lnTo>
                      <a:lnTo>
                        <a:pt x="1402" y="1736"/>
                      </a:lnTo>
                      <a:lnTo>
                        <a:pt x="1360" y="1771"/>
                      </a:lnTo>
                      <a:lnTo>
                        <a:pt x="1322" y="1798"/>
                      </a:lnTo>
                      <a:lnTo>
                        <a:pt x="1294" y="1817"/>
                      </a:lnTo>
                      <a:lnTo>
                        <a:pt x="1276" y="1829"/>
                      </a:lnTo>
                      <a:lnTo>
                        <a:pt x="1255" y="1842"/>
                      </a:lnTo>
                      <a:lnTo>
                        <a:pt x="1250" y="1844"/>
                      </a:lnTo>
                      <a:lnTo>
                        <a:pt x="1294" y="1816"/>
                      </a:lnTo>
                      <a:lnTo>
                        <a:pt x="1312" y="1805"/>
                      </a:lnTo>
                      <a:lnTo>
                        <a:pt x="1362" y="1768"/>
                      </a:lnTo>
                      <a:lnTo>
                        <a:pt x="1267" y="1834"/>
                      </a:lnTo>
                      <a:lnTo>
                        <a:pt x="1223" y="1859"/>
                      </a:lnTo>
                      <a:lnTo>
                        <a:pt x="1170" y="1888"/>
                      </a:lnTo>
                      <a:lnTo>
                        <a:pt x="1185" y="1880"/>
                      </a:lnTo>
                      <a:lnTo>
                        <a:pt x="1239" y="1851"/>
                      </a:lnTo>
                      <a:lnTo>
                        <a:pt x="1255" y="1840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8" y="1963"/>
                      </a:lnTo>
                      <a:lnTo>
                        <a:pt x="974" y="1965"/>
                      </a:lnTo>
                      <a:lnTo>
                        <a:pt x="945" y="1972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4" y="2010"/>
                      </a:lnTo>
                      <a:lnTo>
                        <a:pt x="716" y="2011"/>
                      </a:lnTo>
                      <a:lnTo>
                        <a:pt x="740" y="2009"/>
                      </a:lnTo>
                      <a:lnTo>
                        <a:pt x="774" y="2005"/>
                      </a:lnTo>
                      <a:lnTo>
                        <a:pt x="812" y="2001"/>
                      </a:lnTo>
                      <a:lnTo>
                        <a:pt x="864" y="1992"/>
                      </a:lnTo>
                      <a:lnTo>
                        <a:pt x="898" y="1984"/>
                      </a:lnTo>
                      <a:lnTo>
                        <a:pt x="936" y="1975"/>
                      </a:lnTo>
                      <a:lnTo>
                        <a:pt x="984" y="1962"/>
                      </a:lnTo>
                      <a:lnTo>
                        <a:pt x="1040" y="1944"/>
                      </a:lnTo>
                      <a:lnTo>
                        <a:pt x="961" y="1968"/>
                      </a:lnTo>
                      <a:lnTo>
                        <a:pt x="881" y="1987"/>
                      </a:lnTo>
                      <a:lnTo>
                        <a:pt x="807" y="2001"/>
                      </a:lnTo>
                      <a:lnTo>
                        <a:pt x="706" y="2012"/>
                      </a:lnTo>
                      <a:lnTo>
                        <a:pt x="631" y="2013"/>
                      </a:lnTo>
                      <a:lnTo>
                        <a:pt x="538" y="2010"/>
                      </a:lnTo>
                      <a:lnTo>
                        <a:pt x="452" y="2000"/>
                      </a:lnTo>
                      <a:lnTo>
                        <a:pt x="404" y="1991"/>
                      </a:lnTo>
                      <a:lnTo>
                        <a:pt x="343" y="1977"/>
                      </a:lnTo>
                      <a:lnTo>
                        <a:pt x="306" y="1965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AD4C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8" name="Freeform 67">
                  <a:extLst>
                    <a:ext uri="{FF2B5EF4-FFF2-40B4-BE49-F238E27FC236}">
                      <a16:creationId xmlns:a16="http://schemas.microsoft.com/office/drawing/2014/main" id="{1C53B801-80BA-4002-95BF-E10FAEB30A7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856" cy="947"/>
                </a:xfrm>
                <a:custGeom>
                  <a:avLst/>
                  <a:gdLst>
                    <a:gd name="T0" fmla="*/ 1 w 1711"/>
                    <a:gd name="T1" fmla="*/ 1 h 1894"/>
                    <a:gd name="T2" fmla="*/ 1 w 1711"/>
                    <a:gd name="T3" fmla="*/ 1 h 1894"/>
                    <a:gd name="T4" fmla="*/ 1 w 1711"/>
                    <a:gd name="T5" fmla="*/ 1 h 1894"/>
                    <a:gd name="T6" fmla="*/ 1 w 1711"/>
                    <a:gd name="T7" fmla="*/ 1 h 1894"/>
                    <a:gd name="T8" fmla="*/ 1 w 1711"/>
                    <a:gd name="T9" fmla="*/ 1 h 1894"/>
                    <a:gd name="T10" fmla="*/ 1 w 1711"/>
                    <a:gd name="T11" fmla="*/ 1 h 1894"/>
                    <a:gd name="T12" fmla="*/ 1 w 1711"/>
                    <a:gd name="T13" fmla="*/ 1 h 1894"/>
                    <a:gd name="T14" fmla="*/ 1 w 1711"/>
                    <a:gd name="T15" fmla="*/ 1 h 1894"/>
                    <a:gd name="T16" fmla="*/ 1 w 1711"/>
                    <a:gd name="T17" fmla="*/ 1 h 1894"/>
                    <a:gd name="T18" fmla="*/ 1 w 1711"/>
                    <a:gd name="T19" fmla="*/ 1 h 1894"/>
                    <a:gd name="T20" fmla="*/ 1 w 1711"/>
                    <a:gd name="T21" fmla="*/ 1 h 1894"/>
                    <a:gd name="T22" fmla="*/ 1 w 1711"/>
                    <a:gd name="T23" fmla="*/ 1 h 1894"/>
                    <a:gd name="T24" fmla="*/ 1 w 1711"/>
                    <a:gd name="T25" fmla="*/ 1 h 1894"/>
                    <a:gd name="T26" fmla="*/ 1 w 1711"/>
                    <a:gd name="T27" fmla="*/ 1 h 1894"/>
                    <a:gd name="T28" fmla="*/ 1 w 1711"/>
                    <a:gd name="T29" fmla="*/ 1 h 1894"/>
                    <a:gd name="T30" fmla="*/ 1 w 1711"/>
                    <a:gd name="T31" fmla="*/ 1 h 1894"/>
                    <a:gd name="T32" fmla="*/ 1 w 1711"/>
                    <a:gd name="T33" fmla="*/ 1 h 1894"/>
                    <a:gd name="T34" fmla="*/ 1 w 1711"/>
                    <a:gd name="T35" fmla="*/ 1 h 1894"/>
                    <a:gd name="T36" fmla="*/ 1 w 1711"/>
                    <a:gd name="T37" fmla="*/ 1 h 1894"/>
                    <a:gd name="T38" fmla="*/ 1 w 1711"/>
                    <a:gd name="T39" fmla="*/ 1 h 1894"/>
                    <a:gd name="T40" fmla="*/ 1 w 1711"/>
                    <a:gd name="T41" fmla="*/ 1 h 1894"/>
                    <a:gd name="T42" fmla="*/ 1 w 1711"/>
                    <a:gd name="T43" fmla="*/ 1 h 1894"/>
                    <a:gd name="T44" fmla="*/ 1 w 1711"/>
                    <a:gd name="T45" fmla="*/ 1 h 1894"/>
                    <a:gd name="T46" fmla="*/ 1 w 1711"/>
                    <a:gd name="T47" fmla="*/ 1 h 1894"/>
                    <a:gd name="T48" fmla="*/ 1 w 1711"/>
                    <a:gd name="T49" fmla="*/ 1 h 1894"/>
                    <a:gd name="T50" fmla="*/ 1 w 1711"/>
                    <a:gd name="T51" fmla="*/ 1 h 1894"/>
                    <a:gd name="T52" fmla="*/ 1 w 1711"/>
                    <a:gd name="T53" fmla="*/ 1 h 1894"/>
                    <a:gd name="T54" fmla="*/ 1 w 1711"/>
                    <a:gd name="T55" fmla="*/ 1 h 1894"/>
                    <a:gd name="T56" fmla="*/ 1 w 1711"/>
                    <a:gd name="T57" fmla="*/ 1 h 1894"/>
                    <a:gd name="T58" fmla="*/ 1 w 1711"/>
                    <a:gd name="T59" fmla="*/ 1 h 1894"/>
                    <a:gd name="T60" fmla="*/ 1 w 1711"/>
                    <a:gd name="T61" fmla="*/ 1 h 1894"/>
                    <a:gd name="T62" fmla="*/ 1 w 1711"/>
                    <a:gd name="T63" fmla="*/ 1 h 1894"/>
                    <a:gd name="T64" fmla="*/ 1 w 1711"/>
                    <a:gd name="T65" fmla="*/ 1 h 1894"/>
                    <a:gd name="T66" fmla="*/ 1 w 1711"/>
                    <a:gd name="T67" fmla="*/ 1 h 1894"/>
                    <a:gd name="T68" fmla="*/ 1 w 1711"/>
                    <a:gd name="T69" fmla="*/ 1 h 1894"/>
                    <a:gd name="T70" fmla="*/ 1 w 1711"/>
                    <a:gd name="T71" fmla="*/ 1 h 1894"/>
                    <a:gd name="T72" fmla="*/ 1 w 1711"/>
                    <a:gd name="T73" fmla="*/ 1 h 1894"/>
                    <a:gd name="T74" fmla="*/ 1 w 1711"/>
                    <a:gd name="T75" fmla="*/ 1 h 1894"/>
                    <a:gd name="T76" fmla="*/ 1 w 1711"/>
                    <a:gd name="T77" fmla="*/ 1 h 1894"/>
                    <a:gd name="T78" fmla="*/ 1 w 1711"/>
                    <a:gd name="T79" fmla="*/ 1 h 1894"/>
                    <a:gd name="T80" fmla="*/ 1 w 1711"/>
                    <a:gd name="T81" fmla="*/ 1 h 1894"/>
                    <a:gd name="T82" fmla="*/ 1 w 1711"/>
                    <a:gd name="T83" fmla="*/ 1 h 1894"/>
                    <a:gd name="T84" fmla="*/ 1 w 1711"/>
                    <a:gd name="T85" fmla="*/ 1 h 1894"/>
                    <a:gd name="T86" fmla="*/ 1 w 1711"/>
                    <a:gd name="T87" fmla="*/ 1 h 1894"/>
                    <a:gd name="T88" fmla="*/ 1 w 1711"/>
                    <a:gd name="T89" fmla="*/ 1 h 1894"/>
                    <a:gd name="T90" fmla="*/ 1 w 1711"/>
                    <a:gd name="T91" fmla="*/ 1 h 1894"/>
                    <a:gd name="T92" fmla="*/ 1 w 1711"/>
                    <a:gd name="T93" fmla="*/ 1 h 1894"/>
                    <a:gd name="T94" fmla="*/ 1 w 1711"/>
                    <a:gd name="T95" fmla="*/ 1 h 1894"/>
                    <a:gd name="T96" fmla="*/ 1 w 1711"/>
                    <a:gd name="T97" fmla="*/ 1 h 1894"/>
                    <a:gd name="T98" fmla="*/ 1 w 1711"/>
                    <a:gd name="T99" fmla="*/ 1 h 1894"/>
                    <a:gd name="T100" fmla="*/ 1 w 1711"/>
                    <a:gd name="T101" fmla="*/ 1 h 1894"/>
                    <a:gd name="T102" fmla="*/ 1 w 1711"/>
                    <a:gd name="T103" fmla="*/ 1 h 1894"/>
                    <a:gd name="T104" fmla="*/ 1 w 1711"/>
                    <a:gd name="T105" fmla="*/ 1 h 1894"/>
                    <a:gd name="T106" fmla="*/ 1 w 1711"/>
                    <a:gd name="T107" fmla="*/ 1 h 1894"/>
                    <a:gd name="T108" fmla="*/ 1 w 1711"/>
                    <a:gd name="T109" fmla="*/ 1 h 1894"/>
                    <a:gd name="T110" fmla="*/ 1 w 1711"/>
                    <a:gd name="T111" fmla="*/ 1 h 1894"/>
                    <a:gd name="T112" fmla="*/ 1 w 1711"/>
                    <a:gd name="T113" fmla="*/ 1 h 1894"/>
                    <a:gd name="T114" fmla="*/ 1 w 1711"/>
                    <a:gd name="T115" fmla="*/ 1 h 1894"/>
                    <a:gd name="T116" fmla="*/ 1 w 1711"/>
                    <a:gd name="T117" fmla="*/ 0 h 1894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</a:gdLst>
                  <a:ahLst/>
                  <a:cxnLst>
                    <a:cxn ang="T118">
                      <a:pos x="T0" y="T1"/>
                    </a:cxn>
                    <a:cxn ang="T119">
                      <a:pos x="T2" y="T3"/>
                    </a:cxn>
                    <a:cxn ang="T120">
                      <a:pos x="T4" y="T5"/>
                    </a:cxn>
                    <a:cxn ang="T121">
                      <a:pos x="T6" y="T7"/>
                    </a:cxn>
                    <a:cxn ang="T122">
                      <a:pos x="T8" y="T9"/>
                    </a:cxn>
                    <a:cxn ang="T123">
                      <a:pos x="T10" y="T11"/>
                    </a:cxn>
                    <a:cxn ang="T124">
                      <a:pos x="T12" y="T13"/>
                    </a:cxn>
                    <a:cxn ang="T125">
                      <a:pos x="T14" y="T15"/>
                    </a:cxn>
                    <a:cxn ang="T126">
                      <a:pos x="T16" y="T17"/>
                    </a:cxn>
                    <a:cxn ang="T127">
                      <a:pos x="T18" y="T19"/>
                    </a:cxn>
                    <a:cxn ang="T128">
                      <a:pos x="T20" y="T21"/>
                    </a:cxn>
                    <a:cxn ang="T129">
                      <a:pos x="T22" y="T23"/>
                    </a:cxn>
                    <a:cxn ang="T130">
                      <a:pos x="T24" y="T25"/>
                    </a:cxn>
                    <a:cxn ang="T131">
                      <a:pos x="T26" y="T27"/>
                    </a:cxn>
                    <a:cxn ang="T132">
                      <a:pos x="T28" y="T29"/>
                    </a:cxn>
                    <a:cxn ang="T133">
                      <a:pos x="T30" y="T31"/>
                    </a:cxn>
                    <a:cxn ang="T134">
                      <a:pos x="T32" y="T33"/>
                    </a:cxn>
                    <a:cxn ang="T135">
                      <a:pos x="T34" y="T35"/>
                    </a:cxn>
                    <a:cxn ang="T136">
                      <a:pos x="T36" y="T37"/>
                    </a:cxn>
                    <a:cxn ang="T137">
                      <a:pos x="T38" y="T39"/>
                    </a:cxn>
                    <a:cxn ang="T138">
                      <a:pos x="T40" y="T41"/>
                    </a:cxn>
                    <a:cxn ang="T139">
                      <a:pos x="T42" y="T43"/>
                    </a:cxn>
                    <a:cxn ang="T140">
                      <a:pos x="T44" y="T45"/>
                    </a:cxn>
                    <a:cxn ang="T141">
                      <a:pos x="T46" y="T47"/>
                    </a:cxn>
                    <a:cxn ang="T142">
                      <a:pos x="T48" y="T49"/>
                    </a:cxn>
                    <a:cxn ang="T143">
                      <a:pos x="T50" y="T51"/>
                    </a:cxn>
                    <a:cxn ang="T144">
                      <a:pos x="T52" y="T53"/>
                    </a:cxn>
                    <a:cxn ang="T145">
                      <a:pos x="T54" y="T55"/>
                    </a:cxn>
                    <a:cxn ang="T146">
                      <a:pos x="T56" y="T57"/>
                    </a:cxn>
                    <a:cxn ang="T147">
                      <a:pos x="T58" y="T59"/>
                    </a:cxn>
                    <a:cxn ang="T148">
                      <a:pos x="T60" y="T61"/>
                    </a:cxn>
                    <a:cxn ang="T149">
                      <a:pos x="T62" y="T63"/>
                    </a:cxn>
                    <a:cxn ang="T150">
                      <a:pos x="T64" y="T65"/>
                    </a:cxn>
                    <a:cxn ang="T151">
                      <a:pos x="T66" y="T67"/>
                    </a:cxn>
                    <a:cxn ang="T152">
                      <a:pos x="T68" y="T69"/>
                    </a:cxn>
                    <a:cxn ang="T153">
                      <a:pos x="T70" y="T71"/>
                    </a:cxn>
                    <a:cxn ang="T154">
                      <a:pos x="T72" y="T73"/>
                    </a:cxn>
                    <a:cxn ang="T155">
                      <a:pos x="T74" y="T75"/>
                    </a:cxn>
                    <a:cxn ang="T156">
                      <a:pos x="T76" y="T77"/>
                    </a:cxn>
                    <a:cxn ang="T157">
                      <a:pos x="T78" y="T79"/>
                    </a:cxn>
                    <a:cxn ang="T158">
                      <a:pos x="T80" y="T81"/>
                    </a:cxn>
                    <a:cxn ang="T159">
                      <a:pos x="T82" y="T83"/>
                    </a:cxn>
                    <a:cxn ang="T160">
                      <a:pos x="T84" y="T85"/>
                    </a:cxn>
                    <a:cxn ang="T161">
                      <a:pos x="T86" y="T87"/>
                    </a:cxn>
                    <a:cxn ang="T162">
                      <a:pos x="T88" y="T89"/>
                    </a:cxn>
                    <a:cxn ang="T163">
                      <a:pos x="T90" y="T91"/>
                    </a:cxn>
                    <a:cxn ang="T164">
                      <a:pos x="T92" y="T93"/>
                    </a:cxn>
                    <a:cxn ang="T165">
                      <a:pos x="T94" y="T95"/>
                    </a:cxn>
                    <a:cxn ang="T166">
                      <a:pos x="T96" y="T97"/>
                    </a:cxn>
                    <a:cxn ang="T167">
                      <a:pos x="T98" y="T99"/>
                    </a:cxn>
                    <a:cxn ang="T168">
                      <a:pos x="T100" y="T101"/>
                    </a:cxn>
                    <a:cxn ang="T169">
                      <a:pos x="T102" y="T103"/>
                    </a:cxn>
                    <a:cxn ang="T170">
                      <a:pos x="T104" y="T105"/>
                    </a:cxn>
                    <a:cxn ang="T171">
                      <a:pos x="T106" y="T107"/>
                    </a:cxn>
                    <a:cxn ang="T172">
                      <a:pos x="T108" y="T109"/>
                    </a:cxn>
                    <a:cxn ang="T173">
                      <a:pos x="T110" y="T111"/>
                    </a:cxn>
                    <a:cxn ang="T174">
                      <a:pos x="T112" y="T113"/>
                    </a:cxn>
                    <a:cxn ang="T175">
                      <a:pos x="T114" y="T115"/>
                    </a:cxn>
                    <a:cxn ang="T176">
                      <a:pos x="T116" y="T117"/>
                    </a:cxn>
                  </a:cxnLst>
                  <a:rect l="0" t="0" r="r" b="b"/>
                  <a:pathLst>
                    <a:path w="1711" h="1894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3" y="1140"/>
                      </a:lnTo>
                      <a:lnTo>
                        <a:pt x="1638" y="1212"/>
                      </a:lnTo>
                      <a:lnTo>
                        <a:pt x="1578" y="1340"/>
                      </a:lnTo>
                      <a:lnTo>
                        <a:pt x="1598" y="1303"/>
                      </a:lnTo>
                      <a:lnTo>
                        <a:pt x="1623" y="1249"/>
                      </a:lnTo>
                      <a:lnTo>
                        <a:pt x="1645" y="1196"/>
                      </a:lnTo>
                      <a:lnTo>
                        <a:pt x="1665" y="1135"/>
                      </a:lnTo>
                      <a:lnTo>
                        <a:pt x="1683" y="1069"/>
                      </a:lnTo>
                      <a:lnTo>
                        <a:pt x="1699" y="990"/>
                      </a:lnTo>
                      <a:lnTo>
                        <a:pt x="1707" y="936"/>
                      </a:lnTo>
                      <a:lnTo>
                        <a:pt x="1711" y="893"/>
                      </a:lnTo>
                      <a:lnTo>
                        <a:pt x="1707" y="930"/>
                      </a:lnTo>
                      <a:lnTo>
                        <a:pt x="1699" y="989"/>
                      </a:lnTo>
                      <a:lnTo>
                        <a:pt x="1689" y="1044"/>
                      </a:lnTo>
                      <a:lnTo>
                        <a:pt x="1677" y="1092"/>
                      </a:lnTo>
                      <a:lnTo>
                        <a:pt x="1664" y="1139"/>
                      </a:lnTo>
                      <a:lnTo>
                        <a:pt x="1645" y="1195"/>
                      </a:lnTo>
                      <a:lnTo>
                        <a:pt x="1627" y="1239"/>
                      </a:lnTo>
                      <a:lnTo>
                        <a:pt x="1614" y="1267"/>
                      </a:lnTo>
                      <a:lnTo>
                        <a:pt x="1595" y="1308"/>
                      </a:lnTo>
                      <a:lnTo>
                        <a:pt x="1621" y="1254"/>
                      </a:lnTo>
                      <a:lnTo>
                        <a:pt x="1677" y="1094"/>
                      </a:lnTo>
                      <a:lnTo>
                        <a:pt x="1686" y="1059"/>
                      </a:lnTo>
                      <a:lnTo>
                        <a:pt x="1671" y="1114"/>
                      </a:lnTo>
                      <a:lnTo>
                        <a:pt x="1652" y="1173"/>
                      </a:lnTo>
                      <a:lnTo>
                        <a:pt x="1633" y="1225"/>
                      </a:lnTo>
                      <a:lnTo>
                        <a:pt x="1613" y="1268"/>
                      </a:lnTo>
                      <a:lnTo>
                        <a:pt x="1593" y="1311"/>
                      </a:lnTo>
                      <a:lnTo>
                        <a:pt x="1571" y="1352"/>
                      </a:lnTo>
                      <a:lnTo>
                        <a:pt x="1542" y="1398"/>
                      </a:lnTo>
                      <a:lnTo>
                        <a:pt x="1516" y="1437"/>
                      </a:lnTo>
                      <a:lnTo>
                        <a:pt x="1473" y="1495"/>
                      </a:lnTo>
                      <a:lnTo>
                        <a:pt x="1428" y="1548"/>
                      </a:lnTo>
                      <a:lnTo>
                        <a:pt x="1376" y="1599"/>
                      </a:lnTo>
                      <a:lnTo>
                        <a:pt x="1331" y="1641"/>
                      </a:lnTo>
                      <a:lnTo>
                        <a:pt x="1286" y="1677"/>
                      </a:lnTo>
                      <a:lnTo>
                        <a:pt x="1246" y="1705"/>
                      </a:lnTo>
                      <a:lnTo>
                        <a:pt x="1198" y="1737"/>
                      </a:lnTo>
                      <a:lnTo>
                        <a:pt x="1154" y="1762"/>
                      </a:lnTo>
                      <a:lnTo>
                        <a:pt x="1117" y="1781"/>
                      </a:lnTo>
                      <a:lnTo>
                        <a:pt x="1038" y="1816"/>
                      </a:lnTo>
                      <a:lnTo>
                        <a:pt x="1080" y="1798"/>
                      </a:lnTo>
                      <a:lnTo>
                        <a:pt x="1130" y="1774"/>
                      </a:lnTo>
                      <a:lnTo>
                        <a:pt x="1171" y="1753"/>
                      </a:lnTo>
                      <a:lnTo>
                        <a:pt x="1212" y="1727"/>
                      </a:lnTo>
                      <a:lnTo>
                        <a:pt x="1270" y="1687"/>
                      </a:lnTo>
                      <a:lnTo>
                        <a:pt x="1304" y="1662"/>
                      </a:lnTo>
                      <a:lnTo>
                        <a:pt x="1344" y="1628"/>
                      </a:lnTo>
                      <a:lnTo>
                        <a:pt x="1355" y="1620"/>
                      </a:lnTo>
                      <a:lnTo>
                        <a:pt x="1349" y="1625"/>
                      </a:lnTo>
                      <a:lnTo>
                        <a:pt x="1325" y="1644"/>
                      </a:lnTo>
                      <a:lnTo>
                        <a:pt x="1287" y="1675"/>
                      </a:lnTo>
                      <a:lnTo>
                        <a:pt x="1252" y="1700"/>
                      </a:lnTo>
                      <a:lnTo>
                        <a:pt x="1228" y="1717"/>
                      </a:lnTo>
                      <a:lnTo>
                        <a:pt x="1212" y="1727"/>
                      </a:lnTo>
                      <a:lnTo>
                        <a:pt x="1192" y="1739"/>
                      </a:lnTo>
                      <a:lnTo>
                        <a:pt x="1189" y="1741"/>
                      </a:lnTo>
                      <a:lnTo>
                        <a:pt x="1228" y="1717"/>
                      </a:lnTo>
                      <a:lnTo>
                        <a:pt x="1245" y="1707"/>
                      </a:lnTo>
                      <a:lnTo>
                        <a:pt x="1289" y="1673"/>
                      </a:lnTo>
                      <a:lnTo>
                        <a:pt x="1203" y="1732"/>
                      </a:lnTo>
                      <a:lnTo>
                        <a:pt x="1165" y="1755"/>
                      </a:lnTo>
                      <a:lnTo>
                        <a:pt x="1117" y="1781"/>
                      </a:lnTo>
                      <a:lnTo>
                        <a:pt x="1131" y="1774"/>
                      </a:lnTo>
                      <a:lnTo>
                        <a:pt x="1179" y="1748"/>
                      </a:lnTo>
                      <a:lnTo>
                        <a:pt x="1239" y="1710"/>
                      </a:lnTo>
                      <a:lnTo>
                        <a:pt x="1274" y="1683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2"/>
                      </a:lnTo>
                      <a:lnTo>
                        <a:pt x="963" y="1843"/>
                      </a:lnTo>
                      <a:lnTo>
                        <a:pt x="951" y="1848"/>
                      </a:lnTo>
                      <a:lnTo>
                        <a:pt x="941" y="1850"/>
                      </a:lnTo>
                      <a:lnTo>
                        <a:pt x="941" y="1851"/>
                      </a:lnTo>
                      <a:lnTo>
                        <a:pt x="861" y="1870"/>
                      </a:lnTo>
                      <a:lnTo>
                        <a:pt x="854" y="1871"/>
                      </a:lnTo>
                      <a:lnTo>
                        <a:pt x="772" y="1803"/>
                      </a:lnTo>
                      <a:lnTo>
                        <a:pt x="778" y="1883"/>
                      </a:lnTo>
                      <a:lnTo>
                        <a:pt x="774" y="1885"/>
                      </a:lnTo>
                      <a:lnTo>
                        <a:pt x="782" y="1885"/>
                      </a:lnTo>
                      <a:lnTo>
                        <a:pt x="698" y="1892"/>
                      </a:lnTo>
                      <a:lnTo>
                        <a:pt x="708" y="1891"/>
                      </a:lnTo>
                      <a:lnTo>
                        <a:pt x="730" y="1890"/>
                      </a:lnTo>
                      <a:lnTo>
                        <a:pt x="761" y="1887"/>
                      </a:lnTo>
                      <a:lnTo>
                        <a:pt x="794" y="1882"/>
                      </a:lnTo>
                      <a:lnTo>
                        <a:pt x="841" y="1875"/>
                      </a:lnTo>
                      <a:lnTo>
                        <a:pt x="871" y="1868"/>
                      </a:lnTo>
                      <a:lnTo>
                        <a:pt x="906" y="1860"/>
                      </a:lnTo>
                      <a:lnTo>
                        <a:pt x="950" y="1848"/>
                      </a:lnTo>
                      <a:lnTo>
                        <a:pt x="1000" y="1831"/>
                      </a:lnTo>
                      <a:lnTo>
                        <a:pt x="928" y="1853"/>
                      </a:lnTo>
                      <a:lnTo>
                        <a:pt x="857" y="1871"/>
                      </a:lnTo>
                      <a:lnTo>
                        <a:pt x="789" y="1882"/>
                      </a:lnTo>
                      <a:lnTo>
                        <a:pt x="699" y="1892"/>
                      </a:lnTo>
                      <a:lnTo>
                        <a:pt x="632" y="1894"/>
                      </a:lnTo>
                      <a:lnTo>
                        <a:pt x="547" y="1890"/>
                      </a:lnTo>
                      <a:lnTo>
                        <a:pt x="470" y="1881"/>
                      </a:lnTo>
                      <a:lnTo>
                        <a:pt x="428" y="1873"/>
                      </a:lnTo>
                      <a:lnTo>
                        <a:pt x="373" y="1861"/>
                      </a:lnTo>
                      <a:lnTo>
                        <a:pt x="335" y="1851"/>
                      </a:lnTo>
                      <a:lnTo>
                        <a:pt x="277" y="1832"/>
                      </a:lnTo>
                      <a:lnTo>
                        <a:pt x="274" y="1830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B66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29" name="Freeform 68">
                  <a:extLst>
                    <a:ext uri="{FF2B5EF4-FFF2-40B4-BE49-F238E27FC236}">
                      <a16:creationId xmlns:a16="http://schemas.microsoft.com/office/drawing/2014/main" id="{6F739519-2A8C-41F0-88DE-2D1F66747AF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796" cy="887"/>
                </a:xfrm>
                <a:custGeom>
                  <a:avLst/>
                  <a:gdLst>
                    <a:gd name="T0" fmla="*/ 1 w 1591"/>
                    <a:gd name="T1" fmla="*/ 1 h 1774"/>
                    <a:gd name="T2" fmla="*/ 1 w 1591"/>
                    <a:gd name="T3" fmla="*/ 1 h 1774"/>
                    <a:gd name="T4" fmla="*/ 1 w 1591"/>
                    <a:gd name="T5" fmla="*/ 1 h 1774"/>
                    <a:gd name="T6" fmla="*/ 1 w 1591"/>
                    <a:gd name="T7" fmla="*/ 1 h 1774"/>
                    <a:gd name="T8" fmla="*/ 1 w 1591"/>
                    <a:gd name="T9" fmla="*/ 1 h 1774"/>
                    <a:gd name="T10" fmla="*/ 1 w 1591"/>
                    <a:gd name="T11" fmla="*/ 1 h 1774"/>
                    <a:gd name="T12" fmla="*/ 1 w 1591"/>
                    <a:gd name="T13" fmla="*/ 1 h 1774"/>
                    <a:gd name="T14" fmla="*/ 1 w 1591"/>
                    <a:gd name="T15" fmla="*/ 1 h 1774"/>
                    <a:gd name="T16" fmla="*/ 1 w 1591"/>
                    <a:gd name="T17" fmla="*/ 1 h 1774"/>
                    <a:gd name="T18" fmla="*/ 1 w 1591"/>
                    <a:gd name="T19" fmla="*/ 1 h 1774"/>
                    <a:gd name="T20" fmla="*/ 1 w 1591"/>
                    <a:gd name="T21" fmla="*/ 1 h 1774"/>
                    <a:gd name="T22" fmla="*/ 1 w 1591"/>
                    <a:gd name="T23" fmla="*/ 1 h 1774"/>
                    <a:gd name="T24" fmla="*/ 1 w 1591"/>
                    <a:gd name="T25" fmla="*/ 1 h 1774"/>
                    <a:gd name="T26" fmla="*/ 1 w 1591"/>
                    <a:gd name="T27" fmla="*/ 1 h 1774"/>
                    <a:gd name="T28" fmla="*/ 1 w 1591"/>
                    <a:gd name="T29" fmla="*/ 1 h 1774"/>
                    <a:gd name="T30" fmla="*/ 1 w 1591"/>
                    <a:gd name="T31" fmla="*/ 1 h 1774"/>
                    <a:gd name="T32" fmla="*/ 1 w 1591"/>
                    <a:gd name="T33" fmla="*/ 1 h 1774"/>
                    <a:gd name="T34" fmla="*/ 1 w 1591"/>
                    <a:gd name="T35" fmla="*/ 1 h 1774"/>
                    <a:gd name="T36" fmla="*/ 1 w 1591"/>
                    <a:gd name="T37" fmla="*/ 1 h 1774"/>
                    <a:gd name="T38" fmla="*/ 1 w 1591"/>
                    <a:gd name="T39" fmla="*/ 1 h 1774"/>
                    <a:gd name="T40" fmla="*/ 1 w 1591"/>
                    <a:gd name="T41" fmla="*/ 1 h 1774"/>
                    <a:gd name="T42" fmla="*/ 1 w 1591"/>
                    <a:gd name="T43" fmla="*/ 1 h 1774"/>
                    <a:gd name="T44" fmla="*/ 1 w 1591"/>
                    <a:gd name="T45" fmla="*/ 1 h 1774"/>
                    <a:gd name="T46" fmla="*/ 1 w 1591"/>
                    <a:gd name="T47" fmla="*/ 1 h 1774"/>
                    <a:gd name="T48" fmla="*/ 1 w 1591"/>
                    <a:gd name="T49" fmla="*/ 1 h 1774"/>
                    <a:gd name="T50" fmla="*/ 1 w 1591"/>
                    <a:gd name="T51" fmla="*/ 1 h 1774"/>
                    <a:gd name="T52" fmla="*/ 1 w 1591"/>
                    <a:gd name="T53" fmla="*/ 1 h 1774"/>
                    <a:gd name="T54" fmla="*/ 1 w 1591"/>
                    <a:gd name="T55" fmla="*/ 1 h 1774"/>
                    <a:gd name="T56" fmla="*/ 1 w 1591"/>
                    <a:gd name="T57" fmla="*/ 1 h 1774"/>
                    <a:gd name="T58" fmla="*/ 1 w 1591"/>
                    <a:gd name="T59" fmla="*/ 1 h 1774"/>
                    <a:gd name="T60" fmla="*/ 1 w 1591"/>
                    <a:gd name="T61" fmla="*/ 1 h 1774"/>
                    <a:gd name="T62" fmla="*/ 1 w 1591"/>
                    <a:gd name="T63" fmla="*/ 1 h 1774"/>
                    <a:gd name="T64" fmla="*/ 1 w 1591"/>
                    <a:gd name="T65" fmla="*/ 1 h 1774"/>
                    <a:gd name="T66" fmla="*/ 1 w 1591"/>
                    <a:gd name="T67" fmla="*/ 1 h 1774"/>
                    <a:gd name="T68" fmla="*/ 1 w 1591"/>
                    <a:gd name="T69" fmla="*/ 1 h 1774"/>
                    <a:gd name="T70" fmla="*/ 1 w 1591"/>
                    <a:gd name="T71" fmla="*/ 1 h 1774"/>
                    <a:gd name="T72" fmla="*/ 1 w 1591"/>
                    <a:gd name="T73" fmla="*/ 1 h 1774"/>
                    <a:gd name="T74" fmla="*/ 1 w 1591"/>
                    <a:gd name="T75" fmla="*/ 1 h 1774"/>
                    <a:gd name="T76" fmla="*/ 1 w 1591"/>
                    <a:gd name="T77" fmla="*/ 1 h 1774"/>
                    <a:gd name="T78" fmla="*/ 1 w 1591"/>
                    <a:gd name="T79" fmla="*/ 1 h 1774"/>
                    <a:gd name="T80" fmla="*/ 1 w 1591"/>
                    <a:gd name="T81" fmla="*/ 1 h 1774"/>
                    <a:gd name="T82" fmla="*/ 1 w 1591"/>
                    <a:gd name="T83" fmla="*/ 1 h 1774"/>
                    <a:gd name="T84" fmla="*/ 1 w 1591"/>
                    <a:gd name="T85" fmla="*/ 1 h 1774"/>
                    <a:gd name="T86" fmla="*/ 1 w 1591"/>
                    <a:gd name="T87" fmla="*/ 1 h 1774"/>
                    <a:gd name="T88" fmla="*/ 1 w 1591"/>
                    <a:gd name="T89" fmla="*/ 1 h 1774"/>
                    <a:gd name="T90" fmla="*/ 1 w 1591"/>
                    <a:gd name="T91" fmla="*/ 1 h 1774"/>
                    <a:gd name="T92" fmla="*/ 1 w 1591"/>
                    <a:gd name="T93" fmla="*/ 1 h 1774"/>
                    <a:gd name="T94" fmla="*/ 1 w 1591"/>
                    <a:gd name="T95" fmla="*/ 1 h 1774"/>
                    <a:gd name="T96" fmla="*/ 1 w 1591"/>
                    <a:gd name="T97" fmla="*/ 1 h 1774"/>
                    <a:gd name="T98" fmla="*/ 1 w 1591"/>
                    <a:gd name="T99" fmla="*/ 1 h 1774"/>
                    <a:gd name="T100" fmla="*/ 1 w 1591"/>
                    <a:gd name="T101" fmla="*/ 1 h 1774"/>
                    <a:gd name="T102" fmla="*/ 1 w 1591"/>
                    <a:gd name="T103" fmla="*/ 1 h 1774"/>
                    <a:gd name="T104" fmla="*/ 1 w 1591"/>
                    <a:gd name="T105" fmla="*/ 1 h 1774"/>
                    <a:gd name="T106" fmla="*/ 1 w 1591"/>
                    <a:gd name="T107" fmla="*/ 1 h 1774"/>
                    <a:gd name="T108" fmla="*/ 1 w 1591"/>
                    <a:gd name="T109" fmla="*/ 1 h 1774"/>
                    <a:gd name="T110" fmla="*/ 1 w 1591"/>
                    <a:gd name="T111" fmla="*/ 1 h 1774"/>
                    <a:gd name="T112" fmla="*/ 1 w 1591"/>
                    <a:gd name="T113" fmla="*/ 1 h 1774"/>
                    <a:gd name="T114" fmla="*/ 1 w 1591"/>
                    <a:gd name="T115" fmla="*/ 1 h 1774"/>
                    <a:gd name="T116" fmla="*/ 1 w 1591"/>
                    <a:gd name="T117" fmla="*/ 0 h 1774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  <a:gd name="T174" fmla="*/ 0 60000 65536"/>
                    <a:gd name="T175" fmla="*/ 0 60000 65536"/>
                    <a:gd name="T176" fmla="*/ 0 60000 65536"/>
                  </a:gdLst>
                  <a:ahLst/>
                  <a:cxnLst>
                    <a:cxn ang="T118">
                      <a:pos x="T0" y="T1"/>
                    </a:cxn>
                    <a:cxn ang="T119">
                      <a:pos x="T2" y="T3"/>
                    </a:cxn>
                    <a:cxn ang="T120">
                      <a:pos x="T4" y="T5"/>
                    </a:cxn>
                    <a:cxn ang="T121">
                      <a:pos x="T6" y="T7"/>
                    </a:cxn>
                    <a:cxn ang="T122">
                      <a:pos x="T8" y="T9"/>
                    </a:cxn>
                    <a:cxn ang="T123">
                      <a:pos x="T10" y="T11"/>
                    </a:cxn>
                    <a:cxn ang="T124">
                      <a:pos x="T12" y="T13"/>
                    </a:cxn>
                    <a:cxn ang="T125">
                      <a:pos x="T14" y="T15"/>
                    </a:cxn>
                    <a:cxn ang="T126">
                      <a:pos x="T16" y="T17"/>
                    </a:cxn>
                    <a:cxn ang="T127">
                      <a:pos x="T18" y="T19"/>
                    </a:cxn>
                    <a:cxn ang="T128">
                      <a:pos x="T20" y="T21"/>
                    </a:cxn>
                    <a:cxn ang="T129">
                      <a:pos x="T22" y="T23"/>
                    </a:cxn>
                    <a:cxn ang="T130">
                      <a:pos x="T24" y="T25"/>
                    </a:cxn>
                    <a:cxn ang="T131">
                      <a:pos x="T26" y="T27"/>
                    </a:cxn>
                    <a:cxn ang="T132">
                      <a:pos x="T28" y="T29"/>
                    </a:cxn>
                    <a:cxn ang="T133">
                      <a:pos x="T30" y="T31"/>
                    </a:cxn>
                    <a:cxn ang="T134">
                      <a:pos x="T32" y="T33"/>
                    </a:cxn>
                    <a:cxn ang="T135">
                      <a:pos x="T34" y="T35"/>
                    </a:cxn>
                    <a:cxn ang="T136">
                      <a:pos x="T36" y="T37"/>
                    </a:cxn>
                    <a:cxn ang="T137">
                      <a:pos x="T38" y="T39"/>
                    </a:cxn>
                    <a:cxn ang="T138">
                      <a:pos x="T40" y="T41"/>
                    </a:cxn>
                    <a:cxn ang="T139">
                      <a:pos x="T42" y="T43"/>
                    </a:cxn>
                    <a:cxn ang="T140">
                      <a:pos x="T44" y="T45"/>
                    </a:cxn>
                    <a:cxn ang="T141">
                      <a:pos x="T46" y="T47"/>
                    </a:cxn>
                    <a:cxn ang="T142">
                      <a:pos x="T48" y="T49"/>
                    </a:cxn>
                    <a:cxn ang="T143">
                      <a:pos x="T50" y="T51"/>
                    </a:cxn>
                    <a:cxn ang="T144">
                      <a:pos x="T52" y="T53"/>
                    </a:cxn>
                    <a:cxn ang="T145">
                      <a:pos x="T54" y="T55"/>
                    </a:cxn>
                    <a:cxn ang="T146">
                      <a:pos x="T56" y="T57"/>
                    </a:cxn>
                    <a:cxn ang="T147">
                      <a:pos x="T58" y="T59"/>
                    </a:cxn>
                    <a:cxn ang="T148">
                      <a:pos x="T60" y="T61"/>
                    </a:cxn>
                    <a:cxn ang="T149">
                      <a:pos x="T62" y="T63"/>
                    </a:cxn>
                    <a:cxn ang="T150">
                      <a:pos x="T64" y="T65"/>
                    </a:cxn>
                    <a:cxn ang="T151">
                      <a:pos x="T66" y="T67"/>
                    </a:cxn>
                    <a:cxn ang="T152">
                      <a:pos x="T68" y="T69"/>
                    </a:cxn>
                    <a:cxn ang="T153">
                      <a:pos x="T70" y="T71"/>
                    </a:cxn>
                    <a:cxn ang="T154">
                      <a:pos x="T72" y="T73"/>
                    </a:cxn>
                    <a:cxn ang="T155">
                      <a:pos x="T74" y="T75"/>
                    </a:cxn>
                    <a:cxn ang="T156">
                      <a:pos x="T76" y="T77"/>
                    </a:cxn>
                    <a:cxn ang="T157">
                      <a:pos x="T78" y="T79"/>
                    </a:cxn>
                    <a:cxn ang="T158">
                      <a:pos x="T80" y="T81"/>
                    </a:cxn>
                    <a:cxn ang="T159">
                      <a:pos x="T82" y="T83"/>
                    </a:cxn>
                    <a:cxn ang="T160">
                      <a:pos x="T84" y="T85"/>
                    </a:cxn>
                    <a:cxn ang="T161">
                      <a:pos x="T86" y="T87"/>
                    </a:cxn>
                    <a:cxn ang="T162">
                      <a:pos x="T88" y="T89"/>
                    </a:cxn>
                    <a:cxn ang="T163">
                      <a:pos x="T90" y="T91"/>
                    </a:cxn>
                    <a:cxn ang="T164">
                      <a:pos x="T92" y="T93"/>
                    </a:cxn>
                    <a:cxn ang="T165">
                      <a:pos x="T94" y="T95"/>
                    </a:cxn>
                    <a:cxn ang="T166">
                      <a:pos x="T96" y="T97"/>
                    </a:cxn>
                    <a:cxn ang="T167">
                      <a:pos x="T98" y="T99"/>
                    </a:cxn>
                    <a:cxn ang="T168">
                      <a:pos x="T100" y="T101"/>
                    </a:cxn>
                    <a:cxn ang="T169">
                      <a:pos x="T102" y="T103"/>
                    </a:cxn>
                    <a:cxn ang="T170">
                      <a:pos x="T104" y="T105"/>
                    </a:cxn>
                    <a:cxn ang="T171">
                      <a:pos x="T106" y="T107"/>
                    </a:cxn>
                    <a:cxn ang="T172">
                      <a:pos x="T108" y="T109"/>
                    </a:cxn>
                    <a:cxn ang="T173">
                      <a:pos x="T110" y="T111"/>
                    </a:cxn>
                    <a:cxn ang="T174">
                      <a:pos x="T112" y="T113"/>
                    </a:cxn>
                    <a:cxn ang="T175">
                      <a:pos x="T114" y="T115"/>
                    </a:cxn>
                    <a:cxn ang="T176">
                      <a:pos x="T116" y="T117"/>
                    </a:cxn>
                  </a:cxnLst>
                  <a:rect l="0" t="0" r="r" b="b"/>
                  <a:pathLst>
                    <a:path w="1591" h="1774">
                      <a:moveTo>
                        <a:pt x="1029" y="82"/>
                      </a:move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591" y="875"/>
                      </a:lnTo>
                      <a:lnTo>
                        <a:pt x="1590" y="905"/>
                      </a:lnTo>
                      <a:lnTo>
                        <a:pt x="1582" y="966"/>
                      </a:lnTo>
                      <a:lnTo>
                        <a:pt x="1571" y="1027"/>
                      </a:lnTo>
                      <a:lnTo>
                        <a:pt x="1552" y="1098"/>
                      </a:lnTo>
                      <a:lnTo>
                        <a:pt x="1526" y="1168"/>
                      </a:lnTo>
                      <a:lnTo>
                        <a:pt x="1474" y="1282"/>
                      </a:lnTo>
                      <a:lnTo>
                        <a:pt x="1490" y="1248"/>
                      </a:lnTo>
                      <a:lnTo>
                        <a:pt x="1514" y="1201"/>
                      </a:lnTo>
                      <a:lnTo>
                        <a:pt x="1532" y="1153"/>
                      </a:lnTo>
                      <a:lnTo>
                        <a:pt x="1551" y="1099"/>
                      </a:lnTo>
                      <a:lnTo>
                        <a:pt x="1566" y="1041"/>
                      </a:lnTo>
                      <a:lnTo>
                        <a:pt x="1581" y="971"/>
                      </a:lnTo>
                      <a:lnTo>
                        <a:pt x="1588" y="923"/>
                      </a:lnTo>
                      <a:lnTo>
                        <a:pt x="1591" y="885"/>
                      </a:lnTo>
                      <a:lnTo>
                        <a:pt x="1589" y="916"/>
                      </a:lnTo>
                      <a:lnTo>
                        <a:pt x="1582" y="970"/>
                      </a:lnTo>
                      <a:lnTo>
                        <a:pt x="1572" y="1018"/>
                      </a:lnTo>
                      <a:lnTo>
                        <a:pt x="1562" y="1061"/>
                      </a:lnTo>
                      <a:lnTo>
                        <a:pt x="1550" y="1103"/>
                      </a:lnTo>
                      <a:lnTo>
                        <a:pt x="1533" y="1153"/>
                      </a:lnTo>
                      <a:lnTo>
                        <a:pt x="1516" y="1192"/>
                      </a:lnTo>
                      <a:lnTo>
                        <a:pt x="1506" y="1217"/>
                      </a:lnTo>
                      <a:lnTo>
                        <a:pt x="1489" y="1253"/>
                      </a:lnTo>
                      <a:lnTo>
                        <a:pt x="1512" y="1206"/>
                      </a:lnTo>
                      <a:lnTo>
                        <a:pt x="1561" y="1064"/>
                      </a:lnTo>
                      <a:lnTo>
                        <a:pt x="1569" y="1032"/>
                      </a:lnTo>
                      <a:lnTo>
                        <a:pt x="1556" y="1080"/>
                      </a:lnTo>
                      <a:lnTo>
                        <a:pt x="1540" y="1133"/>
                      </a:lnTo>
                      <a:lnTo>
                        <a:pt x="1522" y="1179"/>
                      </a:lnTo>
                      <a:lnTo>
                        <a:pt x="1505" y="1218"/>
                      </a:lnTo>
                      <a:lnTo>
                        <a:pt x="1487" y="1256"/>
                      </a:lnTo>
                      <a:lnTo>
                        <a:pt x="1467" y="1293"/>
                      </a:lnTo>
                      <a:lnTo>
                        <a:pt x="1441" y="1334"/>
                      </a:lnTo>
                      <a:lnTo>
                        <a:pt x="1419" y="1369"/>
                      </a:lnTo>
                      <a:lnTo>
                        <a:pt x="1380" y="1420"/>
                      </a:lnTo>
                      <a:lnTo>
                        <a:pt x="1340" y="1466"/>
                      </a:lnTo>
                      <a:lnTo>
                        <a:pt x="1295" y="1512"/>
                      </a:lnTo>
                      <a:lnTo>
                        <a:pt x="1254" y="1549"/>
                      </a:lnTo>
                      <a:lnTo>
                        <a:pt x="1213" y="1580"/>
                      </a:lnTo>
                      <a:lnTo>
                        <a:pt x="1179" y="1606"/>
                      </a:lnTo>
                      <a:lnTo>
                        <a:pt x="1135" y="1634"/>
                      </a:lnTo>
                      <a:lnTo>
                        <a:pt x="1097" y="1656"/>
                      </a:lnTo>
                      <a:lnTo>
                        <a:pt x="1064" y="1673"/>
                      </a:lnTo>
                      <a:lnTo>
                        <a:pt x="993" y="1706"/>
                      </a:lnTo>
                      <a:lnTo>
                        <a:pt x="1031" y="1689"/>
                      </a:lnTo>
                      <a:lnTo>
                        <a:pt x="1075" y="1668"/>
                      </a:lnTo>
                      <a:lnTo>
                        <a:pt x="1112" y="1649"/>
                      </a:lnTo>
                      <a:lnTo>
                        <a:pt x="1149" y="1625"/>
                      </a:lnTo>
                      <a:lnTo>
                        <a:pt x="1200" y="1590"/>
                      </a:lnTo>
                      <a:lnTo>
                        <a:pt x="1230" y="1568"/>
                      </a:lnTo>
                      <a:lnTo>
                        <a:pt x="1266" y="1538"/>
                      </a:lnTo>
                      <a:lnTo>
                        <a:pt x="1276" y="1530"/>
                      </a:lnTo>
                      <a:lnTo>
                        <a:pt x="1269" y="1536"/>
                      </a:lnTo>
                      <a:lnTo>
                        <a:pt x="1249" y="1552"/>
                      </a:lnTo>
                      <a:lnTo>
                        <a:pt x="1214" y="1579"/>
                      </a:lnTo>
                      <a:lnTo>
                        <a:pt x="1184" y="1602"/>
                      </a:lnTo>
                      <a:lnTo>
                        <a:pt x="1162" y="1617"/>
                      </a:lnTo>
                      <a:lnTo>
                        <a:pt x="1149" y="1626"/>
                      </a:lnTo>
                      <a:lnTo>
                        <a:pt x="1131" y="1636"/>
                      </a:lnTo>
                      <a:lnTo>
                        <a:pt x="1127" y="1639"/>
                      </a:lnTo>
                      <a:lnTo>
                        <a:pt x="1163" y="1616"/>
                      </a:lnTo>
                      <a:lnTo>
                        <a:pt x="1178" y="1607"/>
                      </a:lnTo>
                      <a:lnTo>
                        <a:pt x="1217" y="1578"/>
                      </a:lnTo>
                      <a:lnTo>
                        <a:pt x="1141" y="1631"/>
                      </a:lnTo>
                      <a:lnTo>
                        <a:pt x="1106" y="1651"/>
                      </a:lnTo>
                      <a:lnTo>
                        <a:pt x="1064" y="1673"/>
                      </a:lnTo>
                      <a:lnTo>
                        <a:pt x="1076" y="1668"/>
                      </a:lnTo>
                      <a:lnTo>
                        <a:pt x="1118" y="1644"/>
                      </a:lnTo>
                      <a:lnTo>
                        <a:pt x="1172" y="1611"/>
                      </a:lnTo>
                      <a:lnTo>
                        <a:pt x="1219" y="1576"/>
                      </a:lnTo>
                      <a:lnTo>
                        <a:pt x="1269" y="1535"/>
                      </a:lnTo>
                      <a:lnTo>
                        <a:pt x="1275" y="1529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69" y="1612"/>
                      </a:lnTo>
                      <a:lnTo>
                        <a:pt x="1150" y="1625"/>
                      </a:lnTo>
                      <a:lnTo>
                        <a:pt x="1098" y="1655"/>
                      </a:lnTo>
                      <a:lnTo>
                        <a:pt x="1063" y="1675"/>
                      </a:lnTo>
                      <a:lnTo>
                        <a:pt x="1039" y="1684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0" y="1718"/>
                      </a:lnTo>
                      <a:lnTo>
                        <a:pt x="927" y="1729"/>
                      </a:lnTo>
                      <a:lnTo>
                        <a:pt x="916" y="1732"/>
                      </a:lnTo>
                      <a:lnTo>
                        <a:pt x="906" y="1735"/>
                      </a:lnTo>
                      <a:lnTo>
                        <a:pt x="907" y="1736"/>
                      </a:lnTo>
                      <a:lnTo>
                        <a:pt x="837" y="1754"/>
                      </a:lnTo>
                      <a:lnTo>
                        <a:pt x="766" y="1765"/>
                      </a:lnTo>
                      <a:lnTo>
                        <a:pt x="759" y="1766"/>
                      </a:lnTo>
                      <a:lnTo>
                        <a:pt x="766" y="1766"/>
                      </a:lnTo>
                      <a:lnTo>
                        <a:pt x="692" y="1773"/>
                      </a:lnTo>
                      <a:lnTo>
                        <a:pt x="700" y="1772"/>
                      </a:lnTo>
                      <a:lnTo>
                        <a:pt x="719" y="1771"/>
                      </a:lnTo>
                      <a:lnTo>
                        <a:pt x="747" y="1767"/>
                      </a:lnTo>
                      <a:lnTo>
                        <a:pt x="776" y="1764"/>
                      </a:lnTo>
                      <a:lnTo>
                        <a:pt x="818" y="1757"/>
                      </a:lnTo>
                      <a:lnTo>
                        <a:pt x="846" y="1750"/>
                      </a:lnTo>
                      <a:lnTo>
                        <a:pt x="876" y="1744"/>
                      </a:lnTo>
                      <a:lnTo>
                        <a:pt x="915" y="1732"/>
                      </a:lnTo>
                      <a:lnTo>
                        <a:pt x="960" y="1718"/>
                      </a:lnTo>
                      <a:lnTo>
                        <a:pt x="896" y="1738"/>
                      </a:lnTo>
                      <a:lnTo>
                        <a:pt x="832" y="1754"/>
                      </a:lnTo>
                      <a:lnTo>
                        <a:pt x="772" y="1764"/>
                      </a:lnTo>
                      <a:lnTo>
                        <a:pt x="693" y="1773"/>
                      </a:lnTo>
                      <a:lnTo>
                        <a:pt x="632" y="1774"/>
                      </a:lnTo>
                      <a:lnTo>
                        <a:pt x="557" y="1771"/>
                      </a:lnTo>
                      <a:lnTo>
                        <a:pt x="489" y="1763"/>
                      </a:lnTo>
                      <a:lnTo>
                        <a:pt x="451" y="1756"/>
                      </a:lnTo>
                      <a:lnTo>
                        <a:pt x="402" y="1745"/>
                      </a:lnTo>
                      <a:lnTo>
                        <a:pt x="369" y="1736"/>
                      </a:lnTo>
                      <a:lnTo>
                        <a:pt x="317" y="1719"/>
                      </a:lnTo>
                      <a:lnTo>
                        <a:pt x="245" y="1691"/>
                      </a:lnTo>
                      <a:lnTo>
                        <a:pt x="205" y="1670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  <a:lnTo>
                        <a:pt x="1029" y="82"/>
                      </a:lnTo>
                      <a:close/>
                    </a:path>
                  </a:pathLst>
                </a:custGeom>
                <a:solidFill>
                  <a:srgbClr val="FFBF7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0" name="Freeform 69">
                  <a:extLst>
                    <a:ext uri="{FF2B5EF4-FFF2-40B4-BE49-F238E27FC236}">
                      <a16:creationId xmlns:a16="http://schemas.microsoft.com/office/drawing/2014/main" id="{18893FE9-AD9E-4D6B-9E2D-6918F1F4EB9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54" y="2376"/>
                  <a:ext cx="724" cy="803"/>
                </a:xfrm>
                <a:custGeom>
                  <a:avLst/>
                  <a:gdLst>
                    <a:gd name="T0" fmla="*/ 0 w 1450"/>
                    <a:gd name="T1" fmla="*/ 1 h 1606"/>
                    <a:gd name="T2" fmla="*/ 0 w 1450"/>
                    <a:gd name="T3" fmla="*/ 1 h 1606"/>
                    <a:gd name="T4" fmla="*/ 0 w 1450"/>
                    <a:gd name="T5" fmla="*/ 1 h 1606"/>
                    <a:gd name="T6" fmla="*/ 0 w 1450"/>
                    <a:gd name="T7" fmla="*/ 1 h 1606"/>
                    <a:gd name="T8" fmla="*/ 0 w 1450"/>
                    <a:gd name="T9" fmla="*/ 1 h 1606"/>
                    <a:gd name="T10" fmla="*/ 0 w 1450"/>
                    <a:gd name="T11" fmla="*/ 1 h 1606"/>
                    <a:gd name="T12" fmla="*/ 0 w 1450"/>
                    <a:gd name="T13" fmla="*/ 1 h 1606"/>
                    <a:gd name="T14" fmla="*/ 0 w 1450"/>
                    <a:gd name="T15" fmla="*/ 1 h 1606"/>
                    <a:gd name="T16" fmla="*/ 0 w 1450"/>
                    <a:gd name="T17" fmla="*/ 1 h 1606"/>
                    <a:gd name="T18" fmla="*/ 0 w 1450"/>
                    <a:gd name="T19" fmla="*/ 1 h 1606"/>
                    <a:gd name="T20" fmla="*/ 0 w 1450"/>
                    <a:gd name="T21" fmla="*/ 1 h 1606"/>
                    <a:gd name="T22" fmla="*/ 0 w 1450"/>
                    <a:gd name="T23" fmla="*/ 1 h 1606"/>
                    <a:gd name="T24" fmla="*/ 0 w 1450"/>
                    <a:gd name="T25" fmla="*/ 1 h 1606"/>
                    <a:gd name="T26" fmla="*/ 0 w 1450"/>
                    <a:gd name="T27" fmla="*/ 1 h 1606"/>
                    <a:gd name="T28" fmla="*/ 0 w 1450"/>
                    <a:gd name="T29" fmla="*/ 1 h 1606"/>
                    <a:gd name="T30" fmla="*/ 0 w 1450"/>
                    <a:gd name="T31" fmla="*/ 1 h 1606"/>
                    <a:gd name="T32" fmla="*/ 0 w 1450"/>
                    <a:gd name="T33" fmla="*/ 1 h 1606"/>
                    <a:gd name="T34" fmla="*/ 0 w 1450"/>
                    <a:gd name="T35" fmla="*/ 1 h 1606"/>
                    <a:gd name="T36" fmla="*/ 0 w 1450"/>
                    <a:gd name="T37" fmla="*/ 1 h 1606"/>
                    <a:gd name="T38" fmla="*/ 0 w 1450"/>
                    <a:gd name="T39" fmla="*/ 1 h 1606"/>
                    <a:gd name="T40" fmla="*/ 0 w 1450"/>
                    <a:gd name="T41" fmla="*/ 1 h 1606"/>
                    <a:gd name="T42" fmla="*/ 0 w 1450"/>
                    <a:gd name="T43" fmla="*/ 1 h 1606"/>
                    <a:gd name="T44" fmla="*/ 0 w 1450"/>
                    <a:gd name="T45" fmla="*/ 1 h 1606"/>
                    <a:gd name="T46" fmla="*/ 0 w 1450"/>
                    <a:gd name="T47" fmla="*/ 1 h 1606"/>
                    <a:gd name="T48" fmla="*/ 0 w 1450"/>
                    <a:gd name="T49" fmla="*/ 1 h 1606"/>
                    <a:gd name="T50" fmla="*/ 0 w 1450"/>
                    <a:gd name="T51" fmla="*/ 1 h 1606"/>
                    <a:gd name="T52" fmla="*/ 0 w 1450"/>
                    <a:gd name="T53" fmla="*/ 1 h 1606"/>
                    <a:gd name="T54" fmla="*/ 0 w 1450"/>
                    <a:gd name="T55" fmla="*/ 1 h 1606"/>
                    <a:gd name="T56" fmla="*/ 0 w 1450"/>
                    <a:gd name="T57" fmla="*/ 1 h 1606"/>
                    <a:gd name="T58" fmla="*/ 0 w 1450"/>
                    <a:gd name="T59" fmla="*/ 1 h 1606"/>
                    <a:gd name="T60" fmla="*/ 0 w 1450"/>
                    <a:gd name="T61" fmla="*/ 1 h 1606"/>
                    <a:gd name="T62" fmla="*/ 0 w 1450"/>
                    <a:gd name="T63" fmla="*/ 1 h 1606"/>
                    <a:gd name="T64" fmla="*/ 0 w 1450"/>
                    <a:gd name="T65" fmla="*/ 1 h 1606"/>
                    <a:gd name="T66" fmla="*/ 0 w 1450"/>
                    <a:gd name="T67" fmla="*/ 1 h 1606"/>
                    <a:gd name="T68" fmla="*/ 0 w 1450"/>
                    <a:gd name="T69" fmla="*/ 1 h 1606"/>
                    <a:gd name="T70" fmla="*/ 0 w 1450"/>
                    <a:gd name="T71" fmla="*/ 1 h 1606"/>
                    <a:gd name="T72" fmla="*/ 0 w 1450"/>
                    <a:gd name="T73" fmla="*/ 1 h 1606"/>
                    <a:gd name="T74" fmla="*/ 0 w 1450"/>
                    <a:gd name="T75" fmla="*/ 1 h 1606"/>
                    <a:gd name="T76" fmla="*/ 0 w 1450"/>
                    <a:gd name="T77" fmla="*/ 1 h 1606"/>
                    <a:gd name="T78" fmla="*/ 0 w 1450"/>
                    <a:gd name="T79" fmla="*/ 1 h 1606"/>
                    <a:gd name="T80" fmla="*/ 0 w 1450"/>
                    <a:gd name="T81" fmla="*/ 1 h 1606"/>
                    <a:gd name="T82" fmla="*/ 0 w 1450"/>
                    <a:gd name="T83" fmla="*/ 1 h 1606"/>
                    <a:gd name="T84" fmla="*/ 0 w 1450"/>
                    <a:gd name="T85" fmla="*/ 1 h 1606"/>
                    <a:gd name="T86" fmla="*/ 0 w 1450"/>
                    <a:gd name="T87" fmla="*/ 1 h 1606"/>
                    <a:gd name="T88" fmla="*/ 0 w 1450"/>
                    <a:gd name="T89" fmla="*/ 1 h 1606"/>
                    <a:gd name="T90" fmla="*/ 0 w 1450"/>
                    <a:gd name="T91" fmla="*/ 1 h 1606"/>
                    <a:gd name="T92" fmla="*/ 0 w 1450"/>
                    <a:gd name="T93" fmla="*/ 1 h 1606"/>
                    <a:gd name="T94" fmla="*/ 0 w 1450"/>
                    <a:gd name="T95" fmla="*/ 1 h 1606"/>
                    <a:gd name="T96" fmla="*/ 0 w 1450"/>
                    <a:gd name="T97" fmla="*/ 1 h 1606"/>
                    <a:gd name="T98" fmla="*/ 0 w 1450"/>
                    <a:gd name="T99" fmla="*/ 1 h 1606"/>
                    <a:gd name="T100" fmla="*/ 0 w 1450"/>
                    <a:gd name="T101" fmla="*/ 1 h 1606"/>
                    <a:gd name="T102" fmla="*/ 0 w 1450"/>
                    <a:gd name="T103" fmla="*/ 1 h 1606"/>
                    <a:gd name="T104" fmla="*/ 0 w 1450"/>
                    <a:gd name="T105" fmla="*/ 1 h 1606"/>
                    <a:gd name="T106" fmla="*/ 0 w 1450"/>
                    <a:gd name="T107" fmla="*/ 1 h 1606"/>
                    <a:gd name="T108" fmla="*/ 0 w 1450"/>
                    <a:gd name="T109" fmla="*/ 1 h 1606"/>
                    <a:gd name="T110" fmla="*/ 0 w 1450"/>
                    <a:gd name="T111" fmla="*/ 1 h 1606"/>
                    <a:gd name="T112" fmla="*/ 0 w 1450"/>
                    <a:gd name="T113" fmla="*/ 1 h 1606"/>
                    <a:gd name="T114" fmla="*/ 0 w 1450"/>
                    <a:gd name="T115" fmla="*/ 1 h 160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1450" h="1606">
                      <a:moveTo>
                        <a:pt x="1003" y="27"/>
                      </a:moveTo>
                      <a:lnTo>
                        <a:pt x="1005" y="34"/>
                      </a:lnTo>
                      <a:lnTo>
                        <a:pt x="1033" y="117"/>
                      </a:lnTo>
                      <a:lnTo>
                        <a:pt x="1079" y="187"/>
                      </a:lnTo>
                      <a:lnTo>
                        <a:pt x="1111" y="257"/>
                      </a:lnTo>
                      <a:lnTo>
                        <a:pt x="1148" y="328"/>
                      </a:lnTo>
                      <a:lnTo>
                        <a:pt x="1188" y="398"/>
                      </a:lnTo>
                      <a:lnTo>
                        <a:pt x="1220" y="481"/>
                      </a:lnTo>
                      <a:lnTo>
                        <a:pt x="1252" y="552"/>
                      </a:lnTo>
                      <a:lnTo>
                        <a:pt x="1280" y="634"/>
                      </a:lnTo>
                      <a:lnTo>
                        <a:pt x="1293" y="720"/>
                      </a:lnTo>
                      <a:lnTo>
                        <a:pt x="1312" y="791"/>
                      </a:lnTo>
                      <a:lnTo>
                        <a:pt x="1312" y="895"/>
                      </a:lnTo>
                      <a:lnTo>
                        <a:pt x="1354" y="861"/>
                      </a:lnTo>
                      <a:lnTo>
                        <a:pt x="1390" y="803"/>
                      </a:lnTo>
                      <a:lnTo>
                        <a:pt x="1404" y="734"/>
                      </a:lnTo>
                      <a:lnTo>
                        <a:pt x="1408" y="663"/>
                      </a:lnTo>
                      <a:lnTo>
                        <a:pt x="1417" y="543"/>
                      </a:lnTo>
                      <a:lnTo>
                        <a:pt x="1418" y="545"/>
                      </a:lnTo>
                      <a:lnTo>
                        <a:pt x="1435" y="611"/>
                      </a:lnTo>
                      <a:lnTo>
                        <a:pt x="1447" y="700"/>
                      </a:lnTo>
                      <a:lnTo>
                        <a:pt x="1450" y="778"/>
                      </a:lnTo>
                      <a:lnTo>
                        <a:pt x="1446" y="846"/>
                      </a:lnTo>
                      <a:lnTo>
                        <a:pt x="1440" y="899"/>
                      </a:lnTo>
                      <a:lnTo>
                        <a:pt x="1430" y="953"/>
                      </a:lnTo>
                      <a:lnTo>
                        <a:pt x="1413" y="1016"/>
                      </a:lnTo>
                      <a:lnTo>
                        <a:pt x="1392" y="1076"/>
                      </a:lnTo>
                      <a:lnTo>
                        <a:pt x="1345" y="1176"/>
                      </a:lnTo>
                      <a:lnTo>
                        <a:pt x="1360" y="1147"/>
                      </a:lnTo>
                      <a:lnTo>
                        <a:pt x="1380" y="1105"/>
                      </a:lnTo>
                      <a:lnTo>
                        <a:pt x="1396" y="1064"/>
                      </a:lnTo>
                      <a:lnTo>
                        <a:pt x="1413" y="1016"/>
                      </a:lnTo>
                      <a:lnTo>
                        <a:pt x="1426" y="965"/>
                      </a:lnTo>
                      <a:lnTo>
                        <a:pt x="1440" y="904"/>
                      </a:lnTo>
                      <a:lnTo>
                        <a:pt x="1445" y="861"/>
                      </a:lnTo>
                      <a:lnTo>
                        <a:pt x="1449" y="828"/>
                      </a:lnTo>
                      <a:lnTo>
                        <a:pt x="1445" y="856"/>
                      </a:lnTo>
                      <a:lnTo>
                        <a:pt x="1440" y="903"/>
                      </a:lnTo>
                      <a:lnTo>
                        <a:pt x="1432" y="945"/>
                      </a:lnTo>
                      <a:lnTo>
                        <a:pt x="1422" y="983"/>
                      </a:lnTo>
                      <a:lnTo>
                        <a:pt x="1412" y="1019"/>
                      </a:lnTo>
                      <a:lnTo>
                        <a:pt x="1397" y="1063"/>
                      </a:lnTo>
                      <a:lnTo>
                        <a:pt x="1383" y="1097"/>
                      </a:lnTo>
                      <a:lnTo>
                        <a:pt x="1374" y="1119"/>
                      </a:lnTo>
                      <a:lnTo>
                        <a:pt x="1358" y="1150"/>
                      </a:lnTo>
                      <a:lnTo>
                        <a:pt x="1378" y="1109"/>
                      </a:lnTo>
                      <a:lnTo>
                        <a:pt x="1422" y="984"/>
                      </a:lnTo>
                      <a:lnTo>
                        <a:pt x="1428" y="958"/>
                      </a:lnTo>
                      <a:lnTo>
                        <a:pt x="1417" y="1000"/>
                      </a:lnTo>
                      <a:lnTo>
                        <a:pt x="1403" y="1046"/>
                      </a:lnTo>
                      <a:lnTo>
                        <a:pt x="1387" y="1086"/>
                      </a:lnTo>
                      <a:lnTo>
                        <a:pt x="1373" y="1120"/>
                      </a:lnTo>
                      <a:lnTo>
                        <a:pt x="1357" y="1153"/>
                      </a:lnTo>
                      <a:lnTo>
                        <a:pt x="1339" y="1186"/>
                      </a:lnTo>
                      <a:lnTo>
                        <a:pt x="1317" y="1221"/>
                      </a:lnTo>
                      <a:lnTo>
                        <a:pt x="1297" y="1252"/>
                      </a:lnTo>
                      <a:lnTo>
                        <a:pt x="1263" y="1296"/>
                      </a:lnTo>
                      <a:lnTo>
                        <a:pt x="1227" y="1337"/>
                      </a:lnTo>
                      <a:lnTo>
                        <a:pt x="1188" y="1377"/>
                      </a:lnTo>
                      <a:lnTo>
                        <a:pt x="1152" y="1409"/>
                      </a:lnTo>
                      <a:lnTo>
                        <a:pt x="1118" y="1437"/>
                      </a:lnTo>
                      <a:lnTo>
                        <a:pt x="1087" y="1460"/>
                      </a:lnTo>
                      <a:lnTo>
                        <a:pt x="1049" y="1484"/>
                      </a:lnTo>
                      <a:lnTo>
                        <a:pt x="1015" y="1503"/>
                      </a:lnTo>
                      <a:lnTo>
                        <a:pt x="986" y="1519"/>
                      </a:lnTo>
                      <a:lnTo>
                        <a:pt x="925" y="1546"/>
                      </a:lnTo>
                      <a:lnTo>
                        <a:pt x="958" y="1532"/>
                      </a:lnTo>
                      <a:lnTo>
                        <a:pt x="996" y="1513"/>
                      </a:lnTo>
                      <a:lnTo>
                        <a:pt x="1028" y="1497"/>
                      </a:lnTo>
                      <a:lnTo>
                        <a:pt x="1061" y="1476"/>
                      </a:lnTo>
                      <a:lnTo>
                        <a:pt x="1106" y="1445"/>
                      </a:lnTo>
                      <a:lnTo>
                        <a:pt x="1132" y="1426"/>
                      </a:lnTo>
                      <a:lnTo>
                        <a:pt x="1164" y="1400"/>
                      </a:lnTo>
                      <a:lnTo>
                        <a:pt x="1171" y="1393"/>
                      </a:lnTo>
                      <a:lnTo>
                        <a:pt x="1166" y="1397"/>
                      </a:lnTo>
                      <a:lnTo>
                        <a:pt x="1148" y="1413"/>
                      </a:lnTo>
                      <a:lnTo>
                        <a:pt x="1119" y="1436"/>
                      </a:lnTo>
                      <a:lnTo>
                        <a:pt x="1092" y="1456"/>
                      </a:lnTo>
                      <a:lnTo>
                        <a:pt x="1072" y="1469"/>
                      </a:lnTo>
                      <a:lnTo>
                        <a:pt x="1061" y="1476"/>
                      </a:lnTo>
                      <a:lnTo>
                        <a:pt x="1045" y="1487"/>
                      </a:lnTo>
                      <a:lnTo>
                        <a:pt x="1042" y="1488"/>
                      </a:lnTo>
                      <a:lnTo>
                        <a:pt x="1073" y="1469"/>
                      </a:lnTo>
                      <a:lnTo>
                        <a:pt x="1085" y="1461"/>
                      </a:lnTo>
                      <a:lnTo>
                        <a:pt x="1120" y="1435"/>
                      </a:lnTo>
                      <a:lnTo>
                        <a:pt x="1054" y="1481"/>
                      </a:lnTo>
                      <a:lnTo>
                        <a:pt x="1024" y="1499"/>
                      </a:lnTo>
                      <a:lnTo>
                        <a:pt x="986" y="1518"/>
                      </a:lnTo>
                      <a:lnTo>
                        <a:pt x="997" y="1513"/>
                      </a:lnTo>
                      <a:lnTo>
                        <a:pt x="1034" y="1493"/>
                      </a:lnTo>
                      <a:lnTo>
                        <a:pt x="1081" y="1463"/>
                      </a:lnTo>
                      <a:lnTo>
                        <a:pt x="1122" y="1433"/>
                      </a:lnTo>
                      <a:lnTo>
                        <a:pt x="1166" y="1397"/>
                      </a:lnTo>
                      <a:lnTo>
                        <a:pt x="1202" y="1365"/>
                      </a:lnTo>
                      <a:lnTo>
                        <a:pt x="1206" y="1359"/>
                      </a:lnTo>
                      <a:lnTo>
                        <a:pt x="1142" y="1418"/>
                      </a:lnTo>
                      <a:lnTo>
                        <a:pt x="1062" y="1476"/>
                      </a:lnTo>
                      <a:lnTo>
                        <a:pt x="1017" y="1502"/>
                      </a:lnTo>
                      <a:lnTo>
                        <a:pt x="985" y="1520"/>
                      </a:lnTo>
                      <a:lnTo>
                        <a:pt x="931" y="1542"/>
                      </a:lnTo>
                      <a:lnTo>
                        <a:pt x="906" y="1554"/>
                      </a:lnTo>
                      <a:lnTo>
                        <a:pt x="866" y="1567"/>
                      </a:lnTo>
                      <a:lnTo>
                        <a:pt x="856" y="1570"/>
                      </a:lnTo>
                      <a:lnTo>
                        <a:pt x="849" y="1573"/>
                      </a:lnTo>
                      <a:lnTo>
                        <a:pt x="787" y="1588"/>
                      </a:lnTo>
                      <a:lnTo>
                        <a:pt x="727" y="1598"/>
                      </a:lnTo>
                      <a:lnTo>
                        <a:pt x="719" y="1599"/>
                      </a:lnTo>
                      <a:lnTo>
                        <a:pt x="726" y="1599"/>
                      </a:lnTo>
                      <a:lnTo>
                        <a:pt x="661" y="1605"/>
                      </a:lnTo>
                      <a:lnTo>
                        <a:pt x="669" y="1605"/>
                      </a:lnTo>
                      <a:lnTo>
                        <a:pt x="685" y="1603"/>
                      </a:lnTo>
                      <a:lnTo>
                        <a:pt x="709" y="1601"/>
                      </a:lnTo>
                      <a:lnTo>
                        <a:pt x="736" y="1597"/>
                      </a:lnTo>
                      <a:lnTo>
                        <a:pt x="771" y="1592"/>
                      </a:lnTo>
                      <a:lnTo>
                        <a:pt x="796" y="1586"/>
                      </a:lnTo>
                      <a:lnTo>
                        <a:pt x="823" y="1579"/>
                      </a:lnTo>
                      <a:lnTo>
                        <a:pt x="856" y="1570"/>
                      </a:lnTo>
                      <a:lnTo>
                        <a:pt x="895" y="1557"/>
                      </a:lnTo>
                      <a:lnTo>
                        <a:pt x="840" y="1575"/>
                      </a:lnTo>
                      <a:lnTo>
                        <a:pt x="784" y="1588"/>
                      </a:lnTo>
                      <a:lnTo>
                        <a:pt x="731" y="1597"/>
                      </a:lnTo>
                      <a:lnTo>
                        <a:pt x="662" y="1605"/>
                      </a:lnTo>
                      <a:lnTo>
                        <a:pt x="609" y="1606"/>
                      </a:lnTo>
                      <a:lnTo>
                        <a:pt x="544" y="1604"/>
                      </a:lnTo>
                      <a:lnTo>
                        <a:pt x="483" y="1596"/>
                      </a:lnTo>
                      <a:lnTo>
                        <a:pt x="450" y="1591"/>
                      </a:lnTo>
                      <a:lnTo>
                        <a:pt x="407" y="1580"/>
                      </a:lnTo>
                      <a:lnTo>
                        <a:pt x="378" y="1573"/>
                      </a:lnTo>
                      <a:lnTo>
                        <a:pt x="333" y="1558"/>
                      </a:lnTo>
                      <a:lnTo>
                        <a:pt x="270" y="1534"/>
                      </a:lnTo>
                      <a:lnTo>
                        <a:pt x="214" y="1506"/>
                      </a:lnTo>
                      <a:lnTo>
                        <a:pt x="145" y="1464"/>
                      </a:lnTo>
                      <a:lnTo>
                        <a:pt x="81" y="1416"/>
                      </a:lnTo>
                      <a:lnTo>
                        <a:pt x="0" y="1340"/>
                      </a:lnTo>
                      <a:lnTo>
                        <a:pt x="19" y="1358"/>
                      </a:lnTo>
                      <a:lnTo>
                        <a:pt x="91" y="1353"/>
                      </a:lnTo>
                      <a:lnTo>
                        <a:pt x="183" y="1391"/>
                      </a:lnTo>
                      <a:lnTo>
                        <a:pt x="275" y="1445"/>
                      </a:lnTo>
                      <a:lnTo>
                        <a:pt x="326" y="1507"/>
                      </a:lnTo>
                      <a:lnTo>
                        <a:pt x="395" y="1557"/>
                      </a:lnTo>
                      <a:lnTo>
                        <a:pt x="431" y="1482"/>
                      </a:lnTo>
                      <a:lnTo>
                        <a:pt x="445" y="1404"/>
                      </a:lnTo>
                      <a:lnTo>
                        <a:pt x="459" y="1309"/>
                      </a:lnTo>
                      <a:lnTo>
                        <a:pt x="445" y="1238"/>
                      </a:lnTo>
                      <a:lnTo>
                        <a:pt x="422" y="1151"/>
                      </a:lnTo>
                      <a:lnTo>
                        <a:pt x="380" y="1073"/>
                      </a:lnTo>
                      <a:lnTo>
                        <a:pt x="330" y="1015"/>
                      </a:lnTo>
                      <a:lnTo>
                        <a:pt x="280" y="990"/>
                      </a:lnTo>
                      <a:lnTo>
                        <a:pt x="385" y="990"/>
                      </a:lnTo>
                      <a:lnTo>
                        <a:pt x="472" y="1036"/>
                      </a:lnTo>
                      <a:lnTo>
                        <a:pt x="537" y="1068"/>
                      </a:lnTo>
                      <a:lnTo>
                        <a:pt x="592" y="1139"/>
                      </a:lnTo>
                      <a:lnTo>
                        <a:pt x="619" y="1156"/>
                      </a:lnTo>
                      <a:lnTo>
                        <a:pt x="615" y="1027"/>
                      </a:lnTo>
                      <a:lnTo>
                        <a:pt x="643" y="956"/>
                      </a:lnTo>
                      <a:lnTo>
                        <a:pt x="656" y="870"/>
                      </a:lnTo>
                      <a:lnTo>
                        <a:pt x="652" y="788"/>
                      </a:lnTo>
                      <a:lnTo>
                        <a:pt x="656" y="705"/>
                      </a:lnTo>
                      <a:lnTo>
                        <a:pt x="592" y="605"/>
                      </a:lnTo>
                      <a:lnTo>
                        <a:pt x="537" y="564"/>
                      </a:lnTo>
                      <a:lnTo>
                        <a:pt x="495" y="498"/>
                      </a:lnTo>
                      <a:lnTo>
                        <a:pt x="615" y="510"/>
                      </a:lnTo>
                      <a:lnTo>
                        <a:pt x="748" y="568"/>
                      </a:lnTo>
                      <a:lnTo>
                        <a:pt x="835" y="605"/>
                      </a:lnTo>
                      <a:lnTo>
                        <a:pt x="904" y="671"/>
                      </a:lnTo>
                      <a:lnTo>
                        <a:pt x="946" y="588"/>
                      </a:lnTo>
                      <a:lnTo>
                        <a:pt x="932" y="493"/>
                      </a:lnTo>
                      <a:lnTo>
                        <a:pt x="904" y="369"/>
                      </a:lnTo>
                      <a:lnTo>
                        <a:pt x="881" y="237"/>
                      </a:lnTo>
                      <a:lnTo>
                        <a:pt x="900" y="121"/>
                      </a:lnTo>
                      <a:lnTo>
                        <a:pt x="927" y="38"/>
                      </a:lnTo>
                      <a:lnTo>
                        <a:pt x="948" y="0"/>
                      </a:lnTo>
                      <a:lnTo>
                        <a:pt x="951" y="1"/>
                      </a:lnTo>
                      <a:lnTo>
                        <a:pt x="1003" y="27"/>
                      </a:lnTo>
                      <a:close/>
                    </a:path>
                  </a:pathLst>
                </a:custGeom>
                <a:solidFill>
                  <a:srgbClr val="FFC89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1" name="Freeform 70">
                  <a:extLst>
                    <a:ext uri="{FF2B5EF4-FFF2-40B4-BE49-F238E27FC236}">
                      <a16:creationId xmlns:a16="http://schemas.microsoft.com/office/drawing/2014/main" id="{92062710-BB6D-4404-B539-28F35207687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97" y="2430"/>
                  <a:ext cx="622" cy="689"/>
                </a:xfrm>
                <a:custGeom>
                  <a:avLst/>
                  <a:gdLst>
                    <a:gd name="T0" fmla="*/ 1 w 1242"/>
                    <a:gd name="T1" fmla="*/ 1 h 1378"/>
                    <a:gd name="T2" fmla="*/ 1 w 1242"/>
                    <a:gd name="T3" fmla="*/ 1 h 1378"/>
                    <a:gd name="T4" fmla="*/ 1 w 1242"/>
                    <a:gd name="T5" fmla="*/ 1 h 1378"/>
                    <a:gd name="T6" fmla="*/ 1 w 1242"/>
                    <a:gd name="T7" fmla="*/ 1 h 1378"/>
                    <a:gd name="T8" fmla="*/ 1 w 1242"/>
                    <a:gd name="T9" fmla="*/ 1 h 1378"/>
                    <a:gd name="T10" fmla="*/ 1 w 1242"/>
                    <a:gd name="T11" fmla="*/ 1 h 1378"/>
                    <a:gd name="T12" fmla="*/ 1 w 1242"/>
                    <a:gd name="T13" fmla="*/ 1 h 1378"/>
                    <a:gd name="T14" fmla="*/ 1 w 1242"/>
                    <a:gd name="T15" fmla="*/ 1 h 1378"/>
                    <a:gd name="T16" fmla="*/ 1 w 1242"/>
                    <a:gd name="T17" fmla="*/ 1 h 1378"/>
                    <a:gd name="T18" fmla="*/ 1 w 1242"/>
                    <a:gd name="T19" fmla="*/ 1 h 1378"/>
                    <a:gd name="T20" fmla="*/ 1 w 1242"/>
                    <a:gd name="T21" fmla="*/ 1 h 1378"/>
                    <a:gd name="T22" fmla="*/ 1 w 1242"/>
                    <a:gd name="T23" fmla="*/ 1 h 1378"/>
                    <a:gd name="T24" fmla="*/ 1 w 1242"/>
                    <a:gd name="T25" fmla="*/ 1 h 1378"/>
                    <a:gd name="T26" fmla="*/ 1 w 1242"/>
                    <a:gd name="T27" fmla="*/ 1 h 1378"/>
                    <a:gd name="T28" fmla="*/ 1 w 1242"/>
                    <a:gd name="T29" fmla="*/ 1 h 1378"/>
                    <a:gd name="T30" fmla="*/ 1 w 1242"/>
                    <a:gd name="T31" fmla="*/ 1 h 1378"/>
                    <a:gd name="T32" fmla="*/ 1 w 1242"/>
                    <a:gd name="T33" fmla="*/ 1 h 1378"/>
                    <a:gd name="T34" fmla="*/ 1 w 1242"/>
                    <a:gd name="T35" fmla="*/ 1 h 1378"/>
                    <a:gd name="T36" fmla="*/ 1 w 1242"/>
                    <a:gd name="T37" fmla="*/ 1 h 1378"/>
                    <a:gd name="T38" fmla="*/ 1 w 1242"/>
                    <a:gd name="T39" fmla="*/ 1 h 1378"/>
                    <a:gd name="T40" fmla="*/ 1 w 1242"/>
                    <a:gd name="T41" fmla="*/ 1 h 1378"/>
                    <a:gd name="T42" fmla="*/ 1 w 1242"/>
                    <a:gd name="T43" fmla="*/ 1 h 1378"/>
                    <a:gd name="T44" fmla="*/ 1 w 1242"/>
                    <a:gd name="T45" fmla="*/ 1 h 1378"/>
                    <a:gd name="T46" fmla="*/ 1 w 1242"/>
                    <a:gd name="T47" fmla="*/ 1 h 1378"/>
                    <a:gd name="T48" fmla="*/ 1 w 1242"/>
                    <a:gd name="T49" fmla="*/ 1 h 1378"/>
                    <a:gd name="T50" fmla="*/ 1 w 1242"/>
                    <a:gd name="T51" fmla="*/ 1 h 1378"/>
                    <a:gd name="T52" fmla="*/ 1 w 1242"/>
                    <a:gd name="T53" fmla="*/ 1 h 1378"/>
                    <a:gd name="T54" fmla="*/ 1 w 1242"/>
                    <a:gd name="T55" fmla="*/ 1 h 1378"/>
                    <a:gd name="T56" fmla="*/ 1 w 1242"/>
                    <a:gd name="T57" fmla="*/ 1 h 1378"/>
                    <a:gd name="T58" fmla="*/ 1 w 1242"/>
                    <a:gd name="T59" fmla="*/ 1 h 1378"/>
                    <a:gd name="T60" fmla="*/ 1 w 1242"/>
                    <a:gd name="T61" fmla="*/ 1 h 1378"/>
                    <a:gd name="T62" fmla="*/ 1 w 1242"/>
                    <a:gd name="T63" fmla="*/ 1 h 1378"/>
                    <a:gd name="T64" fmla="*/ 1 w 1242"/>
                    <a:gd name="T65" fmla="*/ 1 h 1378"/>
                    <a:gd name="T66" fmla="*/ 1 w 1242"/>
                    <a:gd name="T67" fmla="*/ 1 h 1378"/>
                    <a:gd name="T68" fmla="*/ 1 w 1242"/>
                    <a:gd name="T69" fmla="*/ 1 h 1378"/>
                    <a:gd name="T70" fmla="*/ 1 w 1242"/>
                    <a:gd name="T71" fmla="*/ 1 h 1378"/>
                    <a:gd name="T72" fmla="*/ 1 w 1242"/>
                    <a:gd name="T73" fmla="*/ 1 h 1378"/>
                    <a:gd name="T74" fmla="*/ 1 w 1242"/>
                    <a:gd name="T75" fmla="*/ 1 h 1378"/>
                    <a:gd name="T76" fmla="*/ 1 w 1242"/>
                    <a:gd name="T77" fmla="*/ 1 h 1378"/>
                    <a:gd name="T78" fmla="*/ 1 w 1242"/>
                    <a:gd name="T79" fmla="*/ 1 h 1378"/>
                    <a:gd name="T80" fmla="*/ 1 w 1242"/>
                    <a:gd name="T81" fmla="*/ 1 h 1378"/>
                    <a:gd name="T82" fmla="*/ 1 w 1242"/>
                    <a:gd name="T83" fmla="*/ 1 h 1378"/>
                    <a:gd name="T84" fmla="*/ 1 w 1242"/>
                    <a:gd name="T85" fmla="*/ 1 h 1378"/>
                    <a:gd name="T86" fmla="*/ 1 w 1242"/>
                    <a:gd name="T87" fmla="*/ 1 h 1378"/>
                    <a:gd name="T88" fmla="*/ 0 w 1242"/>
                    <a:gd name="T89" fmla="*/ 1 h 1378"/>
                    <a:gd name="T90" fmla="*/ 1 w 1242"/>
                    <a:gd name="T91" fmla="*/ 1 h 1378"/>
                    <a:gd name="T92" fmla="*/ 1 w 1242"/>
                    <a:gd name="T93" fmla="*/ 1 h 1378"/>
                    <a:gd name="T94" fmla="*/ 1 w 1242"/>
                    <a:gd name="T95" fmla="*/ 1 h 1378"/>
                    <a:gd name="T96" fmla="*/ 1 w 1242"/>
                    <a:gd name="T97" fmla="*/ 1 h 1378"/>
                    <a:gd name="T98" fmla="*/ 1 w 1242"/>
                    <a:gd name="T99" fmla="*/ 1 h 1378"/>
                    <a:gd name="T100" fmla="*/ 1 w 1242"/>
                    <a:gd name="T101" fmla="*/ 1 h 1378"/>
                    <a:gd name="T102" fmla="*/ 1 w 1242"/>
                    <a:gd name="T103" fmla="*/ 1 h 1378"/>
                    <a:gd name="T104" fmla="*/ 1 w 1242"/>
                    <a:gd name="T105" fmla="*/ 1 h 1378"/>
                    <a:gd name="T106" fmla="*/ 1 w 1242"/>
                    <a:gd name="T107" fmla="*/ 1 h 1378"/>
                    <a:gd name="T108" fmla="*/ 1 w 1242"/>
                    <a:gd name="T109" fmla="*/ 1 h 1378"/>
                    <a:gd name="T110" fmla="*/ 1 w 1242"/>
                    <a:gd name="T111" fmla="*/ 1 h 1378"/>
                    <a:gd name="T112" fmla="*/ 1 w 1242"/>
                    <a:gd name="T113" fmla="*/ 1 h 1378"/>
                    <a:gd name="T114" fmla="*/ 1 w 1242"/>
                    <a:gd name="T115" fmla="*/ 1 h 1378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1242" h="1378">
                      <a:moveTo>
                        <a:pt x="863" y="25"/>
                      </a:moveTo>
                      <a:lnTo>
                        <a:pt x="914" y="56"/>
                      </a:lnTo>
                      <a:lnTo>
                        <a:pt x="974" y="99"/>
                      </a:lnTo>
                      <a:lnTo>
                        <a:pt x="1019" y="138"/>
                      </a:lnTo>
                      <a:lnTo>
                        <a:pt x="1023" y="148"/>
                      </a:lnTo>
                      <a:lnTo>
                        <a:pt x="1060" y="219"/>
                      </a:lnTo>
                      <a:lnTo>
                        <a:pt x="1100" y="289"/>
                      </a:lnTo>
                      <a:lnTo>
                        <a:pt x="1132" y="372"/>
                      </a:lnTo>
                      <a:lnTo>
                        <a:pt x="1164" y="443"/>
                      </a:lnTo>
                      <a:lnTo>
                        <a:pt x="1192" y="525"/>
                      </a:lnTo>
                      <a:lnTo>
                        <a:pt x="1205" y="611"/>
                      </a:lnTo>
                      <a:lnTo>
                        <a:pt x="1224" y="682"/>
                      </a:lnTo>
                      <a:lnTo>
                        <a:pt x="1224" y="786"/>
                      </a:lnTo>
                      <a:lnTo>
                        <a:pt x="1231" y="779"/>
                      </a:lnTo>
                      <a:lnTo>
                        <a:pt x="1237" y="749"/>
                      </a:lnTo>
                      <a:lnTo>
                        <a:pt x="1242" y="692"/>
                      </a:lnTo>
                      <a:lnTo>
                        <a:pt x="1242" y="628"/>
                      </a:lnTo>
                      <a:lnTo>
                        <a:pt x="1237" y="566"/>
                      </a:lnTo>
                      <a:lnTo>
                        <a:pt x="1216" y="465"/>
                      </a:lnTo>
                      <a:lnTo>
                        <a:pt x="1230" y="525"/>
                      </a:lnTo>
                      <a:lnTo>
                        <a:pt x="1240" y="601"/>
                      </a:lnTo>
                      <a:lnTo>
                        <a:pt x="1242" y="667"/>
                      </a:lnTo>
                      <a:lnTo>
                        <a:pt x="1240" y="726"/>
                      </a:lnTo>
                      <a:lnTo>
                        <a:pt x="1233" y="771"/>
                      </a:lnTo>
                      <a:lnTo>
                        <a:pt x="1225" y="817"/>
                      </a:lnTo>
                      <a:lnTo>
                        <a:pt x="1211" y="871"/>
                      </a:lnTo>
                      <a:lnTo>
                        <a:pt x="1192" y="923"/>
                      </a:lnTo>
                      <a:lnTo>
                        <a:pt x="1153" y="1008"/>
                      </a:lnTo>
                      <a:lnTo>
                        <a:pt x="1165" y="984"/>
                      </a:lnTo>
                      <a:lnTo>
                        <a:pt x="1182" y="948"/>
                      </a:lnTo>
                      <a:lnTo>
                        <a:pt x="1196" y="912"/>
                      </a:lnTo>
                      <a:lnTo>
                        <a:pt x="1210" y="872"/>
                      </a:lnTo>
                      <a:lnTo>
                        <a:pt x="1222" y="828"/>
                      </a:lnTo>
                      <a:lnTo>
                        <a:pt x="1233" y="775"/>
                      </a:lnTo>
                      <a:lnTo>
                        <a:pt x="1239" y="739"/>
                      </a:lnTo>
                      <a:lnTo>
                        <a:pt x="1241" y="710"/>
                      </a:lnTo>
                      <a:lnTo>
                        <a:pt x="1239" y="734"/>
                      </a:lnTo>
                      <a:lnTo>
                        <a:pt x="1233" y="774"/>
                      </a:lnTo>
                      <a:lnTo>
                        <a:pt x="1226" y="811"/>
                      </a:lnTo>
                      <a:lnTo>
                        <a:pt x="1219" y="843"/>
                      </a:lnTo>
                      <a:lnTo>
                        <a:pt x="1210" y="874"/>
                      </a:lnTo>
                      <a:lnTo>
                        <a:pt x="1196" y="911"/>
                      </a:lnTo>
                      <a:lnTo>
                        <a:pt x="1185" y="941"/>
                      </a:lnTo>
                      <a:lnTo>
                        <a:pt x="1176" y="960"/>
                      </a:lnTo>
                      <a:lnTo>
                        <a:pt x="1164" y="986"/>
                      </a:lnTo>
                      <a:lnTo>
                        <a:pt x="1181" y="951"/>
                      </a:lnTo>
                      <a:lnTo>
                        <a:pt x="1218" y="844"/>
                      </a:lnTo>
                      <a:lnTo>
                        <a:pt x="1224" y="822"/>
                      </a:lnTo>
                      <a:lnTo>
                        <a:pt x="1214" y="858"/>
                      </a:lnTo>
                      <a:lnTo>
                        <a:pt x="1202" y="897"/>
                      </a:lnTo>
                      <a:lnTo>
                        <a:pt x="1189" y="931"/>
                      </a:lnTo>
                      <a:lnTo>
                        <a:pt x="1176" y="962"/>
                      </a:lnTo>
                      <a:lnTo>
                        <a:pt x="1163" y="989"/>
                      </a:lnTo>
                      <a:lnTo>
                        <a:pt x="1147" y="1016"/>
                      </a:lnTo>
                      <a:lnTo>
                        <a:pt x="1128" y="1048"/>
                      </a:lnTo>
                      <a:lnTo>
                        <a:pt x="1111" y="1073"/>
                      </a:lnTo>
                      <a:lnTo>
                        <a:pt x="1082" y="1112"/>
                      </a:lnTo>
                      <a:lnTo>
                        <a:pt x="1052" y="1147"/>
                      </a:lnTo>
                      <a:lnTo>
                        <a:pt x="1018" y="1181"/>
                      </a:lnTo>
                      <a:lnTo>
                        <a:pt x="987" y="1209"/>
                      </a:lnTo>
                      <a:lnTo>
                        <a:pt x="957" y="1233"/>
                      </a:lnTo>
                      <a:lnTo>
                        <a:pt x="932" y="1251"/>
                      </a:lnTo>
                      <a:lnTo>
                        <a:pt x="898" y="1272"/>
                      </a:lnTo>
                      <a:lnTo>
                        <a:pt x="870" y="1289"/>
                      </a:lnTo>
                      <a:lnTo>
                        <a:pt x="845" y="1303"/>
                      </a:lnTo>
                      <a:lnTo>
                        <a:pt x="792" y="1326"/>
                      </a:lnTo>
                      <a:lnTo>
                        <a:pt x="821" y="1314"/>
                      </a:lnTo>
                      <a:lnTo>
                        <a:pt x="853" y="1298"/>
                      </a:lnTo>
                      <a:lnTo>
                        <a:pt x="881" y="1284"/>
                      </a:lnTo>
                      <a:lnTo>
                        <a:pt x="908" y="1266"/>
                      </a:lnTo>
                      <a:lnTo>
                        <a:pt x="947" y="1240"/>
                      </a:lnTo>
                      <a:lnTo>
                        <a:pt x="970" y="1223"/>
                      </a:lnTo>
                      <a:lnTo>
                        <a:pt x="996" y="1201"/>
                      </a:lnTo>
                      <a:lnTo>
                        <a:pt x="1004" y="1195"/>
                      </a:lnTo>
                      <a:lnTo>
                        <a:pt x="1000" y="1199"/>
                      </a:lnTo>
                      <a:lnTo>
                        <a:pt x="984" y="1211"/>
                      </a:lnTo>
                      <a:lnTo>
                        <a:pt x="958" y="1232"/>
                      </a:lnTo>
                      <a:lnTo>
                        <a:pt x="936" y="1249"/>
                      </a:lnTo>
                      <a:lnTo>
                        <a:pt x="919" y="1260"/>
                      </a:lnTo>
                      <a:lnTo>
                        <a:pt x="908" y="1267"/>
                      </a:lnTo>
                      <a:lnTo>
                        <a:pt x="896" y="1275"/>
                      </a:lnTo>
                      <a:lnTo>
                        <a:pt x="892" y="1276"/>
                      </a:lnTo>
                      <a:lnTo>
                        <a:pt x="919" y="1259"/>
                      </a:lnTo>
                      <a:lnTo>
                        <a:pt x="930" y="1252"/>
                      </a:lnTo>
                      <a:lnTo>
                        <a:pt x="959" y="1231"/>
                      </a:lnTo>
                      <a:lnTo>
                        <a:pt x="902" y="1270"/>
                      </a:lnTo>
                      <a:lnTo>
                        <a:pt x="877" y="1285"/>
                      </a:lnTo>
                      <a:lnTo>
                        <a:pt x="844" y="1303"/>
                      </a:lnTo>
                      <a:lnTo>
                        <a:pt x="854" y="1297"/>
                      </a:lnTo>
                      <a:lnTo>
                        <a:pt x="886" y="1280"/>
                      </a:lnTo>
                      <a:lnTo>
                        <a:pt x="926" y="1256"/>
                      </a:lnTo>
                      <a:lnTo>
                        <a:pt x="962" y="1229"/>
                      </a:lnTo>
                      <a:lnTo>
                        <a:pt x="1000" y="1199"/>
                      </a:lnTo>
                      <a:lnTo>
                        <a:pt x="1029" y="1171"/>
                      </a:lnTo>
                      <a:lnTo>
                        <a:pt x="1033" y="1166"/>
                      </a:lnTo>
                      <a:lnTo>
                        <a:pt x="978" y="1216"/>
                      </a:lnTo>
                      <a:lnTo>
                        <a:pt x="909" y="1266"/>
                      </a:lnTo>
                      <a:lnTo>
                        <a:pt x="871" y="1289"/>
                      </a:lnTo>
                      <a:lnTo>
                        <a:pt x="844" y="1304"/>
                      </a:lnTo>
                      <a:lnTo>
                        <a:pt x="799" y="1324"/>
                      </a:lnTo>
                      <a:lnTo>
                        <a:pt x="775" y="1333"/>
                      </a:lnTo>
                      <a:lnTo>
                        <a:pt x="743" y="1344"/>
                      </a:lnTo>
                      <a:lnTo>
                        <a:pt x="734" y="1346"/>
                      </a:lnTo>
                      <a:lnTo>
                        <a:pt x="727" y="1348"/>
                      </a:lnTo>
                      <a:lnTo>
                        <a:pt x="675" y="1362"/>
                      </a:lnTo>
                      <a:lnTo>
                        <a:pt x="622" y="1371"/>
                      </a:lnTo>
                      <a:lnTo>
                        <a:pt x="616" y="1372"/>
                      </a:lnTo>
                      <a:lnTo>
                        <a:pt x="622" y="1371"/>
                      </a:lnTo>
                      <a:lnTo>
                        <a:pt x="566" y="1376"/>
                      </a:lnTo>
                      <a:lnTo>
                        <a:pt x="573" y="1376"/>
                      </a:lnTo>
                      <a:lnTo>
                        <a:pt x="586" y="1375"/>
                      </a:lnTo>
                      <a:lnTo>
                        <a:pt x="607" y="1373"/>
                      </a:lnTo>
                      <a:lnTo>
                        <a:pt x="630" y="1370"/>
                      </a:lnTo>
                      <a:lnTo>
                        <a:pt x="661" y="1365"/>
                      </a:lnTo>
                      <a:lnTo>
                        <a:pt x="681" y="1361"/>
                      </a:lnTo>
                      <a:lnTo>
                        <a:pt x="705" y="1355"/>
                      </a:lnTo>
                      <a:lnTo>
                        <a:pt x="734" y="1346"/>
                      </a:lnTo>
                      <a:lnTo>
                        <a:pt x="767" y="1336"/>
                      </a:lnTo>
                      <a:lnTo>
                        <a:pt x="719" y="1351"/>
                      </a:lnTo>
                      <a:lnTo>
                        <a:pt x="672" y="1362"/>
                      </a:lnTo>
                      <a:lnTo>
                        <a:pt x="626" y="1371"/>
                      </a:lnTo>
                      <a:lnTo>
                        <a:pt x="566" y="1376"/>
                      </a:lnTo>
                      <a:lnTo>
                        <a:pt x="521" y="1378"/>
                      </a:lnTo>
                      <a:lnTo>
                        <a:pt x="466" y="1375"/>
                      </a:lnTo>
                      <a:lnTo>
                        <a:pt x="414" y="1370"/>
                      </a:lnTo>
                      <a:lnTo>
                        <a:pt x="385" y="1364"/>
                      </a:lnTo>
                      <a:lnTo>
                        <a:pt x="348" y="1356"/>
                      </a:lnTo>
                      <a:lnTo>
                        <a:pt x="324" y="1350"/>
                      </a:lnTo>
                      <a:lnTo>
                        <a:pt x="286" y="1336"/>
                      </a:lnTo>
                      <a:lnTo>
                        <a:pt x="231" y="1315"/>
                      </a:lnTo>
                      <a:lnTo>
                        <a:pt x="183" y="1291"/>
                      </a:lnTo>
                      <a:lnTo>
                        <a:pt x="124" y="1256"/>
                      </a:lnTo>
                      <a:lnTo>
                        <a:pt x="69" y="1214"/>
                      </a:lnTo>
                      <a:lnTo>
                        <a:pt x="0" y="1149"/>
                      </a:lnTo>
                      <a:lnTo>
                        <a:pt x="47" y="1195"/>
                      </a:lnTo>
                      <a:lnTo>
                        <a:pt x="117" y="1250"/>
                      </a:lnTo>
                      <a:lnTo>
                        <a:pt x="204" y="1303"/>
                      </a:lnTo>
                      <a:lnTo>
                        <a:pt x="264" y="1328"/>
                      </a:lnTo>
                      <a:lnTo>
                        <a:pt x="334" y="1352"/>
                      </a:lnTo>
                      <a:lnTo>
                        <a:pt x="347" y="1355"/>
                      </a:lnTo>
                      <a:lnTo>
                        <a:pt x="347" y="1354"/>
                      </a:lnTo>
                      <a:lnTo>
                        <a:pt x="357" y="1295"/>
                      </a:lnTo>
                      <a:lnTo>
                        <a:pt x="371" y="1200"/>
                      </a:lnTo>
                      <a:lnTo>
                        <a:pt x="357" y="1129"/>
                      </a:lnTo>
                      <a:lnTo>
                        <a:pt x="334" y="1042"/>
                      </a:lnTo>
                      <a:lnTo>
                        <a:pt x="292" y="964"/>
                      </a:lnTo>
                      <a:lnTo>
                        <a:pt x="242" y="906"/>
                      </a:lnTo>
                      <a:lnTo>
                        <a:pt x="192" y="881"/>
                      </a:lnTo>
                      <a:lnTo>
                        <a:pt x="297" y="881"/>
                      </a:lnTo>
                      <a:lnTo>
                        <a:pt x="384" y="927"/>
                      </a:lnTo>
                      <a:lnTo>
                        <a:pt x="449" y="959"/>
                      </a:lnTo>
                      <a:lnTo>
                        <a:pt x="504" y="1030"/>
                      </a:lnTo>
                      <a:lnTo>
                        <a:pt x="531" y="1047"/>
                      </a:lnTo>
                      <a:lnTo>
                        <a:pt x="527" y="918"/>
                      </a:lnTo>
                      <a:lnTo>
                        <a:pt x="555" y="847"/>
                      </a:lnTo>
                      <a:lnTo>
                        <a:pt x="568" y="761"/>
                      </a:lnTo>
                      <a:lnTo>
                        <a:pt x="564" y="679"/>
                      </a:lnTo>
                      <a:lnTo>
                        <a:pt x="568" y="596"/>
                      </a:lnTo>
                      <a:lnTo>
                        <a:pt x="504" y="496"/>
                      </a:lnTo>
                      <a:lnTo>
                        <a:pt x="449" y="455"/>
                      </a:lnTo>
                      <a:lnTo>
                        <a:pt x="407" y="389"/>
                      </a:lnTo>
                      <a:lnTo>
                        <a:pt x="527" y="401"/>
                      </a:lnTo>
                      <a:lnTo>
                        <a:pt x="660" y="459"/>
                      </a:lnTo>
                      <a:lnTo>
                        <a:pt x="747" y="496"/>
                      </a:lnTo>
                      <a:lnTo>
                        <a:pt x="816" y="562"/>
                      </a:lnTo>
                      <a:lnTo>
                        <a:pt x="858" y="479"/>
                      </a:lnTo>
                      <a:lnTo>
                        <a:pt x="844" y="384"/>
                      </a:lnTo>
                      <a:lnTo>
                        <a:pt x="816" y="260"/>
                      </a:lnTo>
                      <a:lnTo>
                        <a:pt x="793" y="128"/>
                      </a:lnTo>
                      <a:lnTo>
                        <a:pt x="812" y="12"/>
                      </a:lnTo>
                      <a:lnTo>
                        <a:pt x="815" y="2"/>
                      </a:lnTo>
                      <a:lnTo>
                        <a:pt x="809" y="0"/>
                      </a:lnTo>
                      <a:lnTo>
                        <a:pt x="814" y="2"/>
                      </a:lnTo>
                      <a:lnTo>
                        <a:pt x="863" y="25"/>
                      </a:lnTo>
                      <a:close/>
                    </a:path>
                  </a:pathLst>
                </a:custGeom>
                <a:solidFill>
                  <a:srgbClr val="FFD0A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2" name="Freeform 71">
                  <a:extLst>
                    <a:ext uri="{FF2B5EF4-FFF2-40B4-BE49-F238E27FC236}">
                      <a16:creationId xmlns:a16="http://schemas.microsoft.com/office/drawing/2014/main" id="{F76B6F99-7678-4728-96F4-192D6085090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641" y="2485"/>
                  <a:ext cx="518" cy="574"/>
                </a:xfrm>
                <a:custGeom>
                  <a:avLst/>
                  <a:gdLst>
                    <a:gd name="T0" fmla="*/ 1 w 1035"/>
                    <a:gd name="T1" fmla="*/ 0 h 1149"/>
                    <a:gd name="T2" fmla="*/ 1 w 1035"/>
                    <a:gd name="T3" fmla="*/ 0 h 1149"/>
                    <a:gd name="T4" fmla="*/ 1 w 1035"/>
                    <a:gd name="T5" fmla="*/ 0 h 1149"/>
                    <a:gd name="T6" fmla="*/ 1 w 1035"/>
                    <a:gd name="T7" fmla="*/ 0 h 1149"/>
                    <a:gd name="T8" fmla="*/ 1 w 1035"/>
                    <a:gd name="T9" fmla="*/ 0 h 1149"/>
                    <a:gd name="T10" fmla="*/ 1 w 1035"/>
                    <a:gd name="T11" fmla="*/ 0 h 1149"/>
                    <a:gd name="T12" fmla="*/ 1 w 1035"/>
                    <a:gd name="T13" fmla="*/ 0 h 1149"/>
                    <a:gd name="T14" fmla="*/ 1 w 1035"/>
                    <a:gd name="T15" fmla="*/ 0 h 1149"/>
                    <a:gd name="T16" fmla="*/ 1 w 1035"/>
                    <a:gd name="T17" fmla="*/ 0 h 1149"/>
                    <a:gd name="T18" fmla="*/ 1 w 1035"/>
                    <a:gd name="T19" fmla="*/ 0 h 1149"/>
                    <a:gd name="T20" fmla="*/ 1 w 1035"/>
                    <a:gd name="T21" fmla="*/ 0 h 1149"/>
                    <a:gd name="T22" fmla="*/ 1 w 1035"/>
                    <a:gd name="T23" fmla="*/ 0 h 1149"/>
                    <a:gd name="T24" fmla="*/ 1 w 1035"/>
                    <a:gd name="T25" fmla="*/ 0 h 1149"/>
                    <a:gd name="T26" fmla="*/ 1 w 1035"/>
                    <a:gd name="T27" fmla="*/ 0 h 1149"/>
                    <a:gd name="T28" fmla="*/ 1 w 1035"/>
                    <a:gd name="T29" fmla="*/ 0 h 1149"/>
                    <a:gd name="T30" fmla="*/ 1 w 1035"/>
                    <a:gd name="T31" fmla="*/ 0 h 1149"/>
                    <a:gd name="T32" fmla="*/ 1 w 1035"/>
                    <a:gd name="T33" fmla="*/ 0 h 1149"/>
                    <a:gd name="T34" fmla="*/ 1 w 1035"/>
                    <a:gd name="T35" fmla="*/ 0 h 1149"/>
                    <a:gd name="T36" fmla="*/ 1 w 1035"/>
                    <a:gd name="T37" fmla="*/ 0 h 1149"/>
                    <a:gd name="T38" fmla="*/ 1 w 1035"/>
                    <a:gd name="T39" fmla="*/ 0 h 1149"/>
                    <a:gd name="T40" fmla="*/ 1 w 1035"/>
                    <a:gd name="T41" fmla="*/ 0 h 1149"/>
                    <a:gd name="T42" fmla="*/ 1 w 1035"/>
                    <a:gd name="T43" fmla="*/ 0 h 1149"/>
                    <a:gd name="T44" fmla="*/ 1 w 1035"/>
                    <a:gd name="T45" fmla="*/ 0 h 1149"/>
                    <a:gd name="T46" fmla="*/ 1 w 1035"/>
                    <a:gd name="T47" fmla="*/ 0 h 1149"/>
                    <a:gd name="T48" fmla="*/ 1 w 1035"/>
                    <a:gd name="T49" fmla="*/ 0 h 1149"/>
                    <a:gd name="T50" fmla="*/ 1 w 1035"/>
                    <a:gd name="T51" fmla="*/ 0 h 1149"/>
                    <a:gd name="T52" fmla="*/ 1 w 1035"/>
                    <a:gd name="T53" fmla="*/ 0 h 1149"/>
                    <a:gd name="T54" fmla="*/ 1 w 1035"/>
                    <a:gd name="T55" fmla="*/ 0 h 1149"/>
                    <a:gd name="T56" fmla="*/ 1 w 1035"/>
                    <a:gd name="T57" fmla="*/ 0 h 1149"/>
                    <a:gd name="T58" fmla="*/ 1 w 1035"/>
                    <a:gd name="T59" fmla="*/ 0 h 1149"/>
                    <a:gd name="T60" fmla="*/ 1 w 1035"/>
                    <a:gd name="T61" fmla="*/ 0 h 1149"/>
                    <a:gd name="T62" fmla="*/ 1 w 1035"/>
                    <a:gd name="T63" fmla="*/ 0 h 1149"/>
                    <a:gd name="T64" fmla="*/ 1 w 1035"/>
                    <a:gd name="T65" fmla="*/ 0 h 1149"/>
                    <a:gd name="T66" fmla="*/ 1 w 1035"/>
                    <a:gd name="T67" fmla="*/ 0 h 1149"/>
                    <a:gd name="T68" fmla="*/ 1 w 1035"/>
                    <a:gd name="T69" fmla="*/ 0 h 1149"/>
                    <a:gd name="T70" fmla="*/ 1 w 1035"/>
                    <a:gd name="T71" fmla="*/ 0 h 1149"/>
                    <a:gd name="T72" fmla="*/ 1 w 1035"/>
                    <a:gd name="T73" fmla="*/ 0 h 1149"/>
                    <a:gd name="T74" fmla="*/ 1 w 1035"/>
                    <a:gd name="T75" fmla="*/ 0 h 1149"/>
                    <a:gd name="T76" fmla="*/ 1 w 1035"/>
                    <a:gd name="T77" fmla="*/ 0 h 1149"/>
                    <a:gd name="T78" fmla="*/ 1 w 1035"/>
                    <a:gd name="T79" fmla="*/ 0 h 1149"/>
                    <a:gd name="T80" fmla="*/ 1 w 1035"/>
                    <a:gd name="T81" fmla="*/ 0 h 1149"/>
                    <a:gd name="T82" fmla="*/ 1 w 1035"/>
                    <a:gd name="T83" fmla="*/ 0 h 1149"/>
                    <a:gd name="T84" fmla="*/ 1 w 1035"/>
                    <a:gd name="T85" fmla="*/ 0 h 1149"/>
                    <a:gd name="T86" fmla="*/ 1 w 1035"/>
                    <a:gd name="T87" fmla="*/ 0 h 1149"/>
                    <a:gd name="T88" fmla="*/ 1 w 1035"/>
                    <a:gd name="T89" fmla="*/ 0 h 1149"/>
                    <a:gd name="T90" fmla="*/ 1 w 1035"/>
                    <a:gd name="T91" fmla="*/ 0 h 1149"/>
                    <a:gd name="T92" fmla="*/ 1 w 1035"/>
                    <a:gd name="T93" fmla="*/ 0 h 1149"/>
                    <a:gd name="T94" fmla="*/ 1 w 1035"/>
                    <a:gd name="T95" fmla="*/ 0 h 1149"/>
                    <a:gd name="T96" fmla="*/ 1 w 1035"/>
                    <a:gd name="T97" fmla="*/ 0 h 1149"/>
                    <a:gd name="T98" fmla="*/ 1 w 1035"/>
                    <a:gd name="T99" fmla="*/ 0 h 1149"/>
                    <a:gd name="T100" fmla="*/ 1 w 1035"/>
                    <a:gd name="T101" fmla="*/ 0 h 1149"/>
                    <a:gd name="T102" fmla="*/ 1 w 1035"/>
                    <a:gd name="T103" fmla="*/ 0 h 1149"/>
                    <a:gd name="T104" fmla="*/ 1 w 1035"/>
                    <a:gd name="T105" fmla="*/ 0 h 1149"/>
                    <a:gd name="T106" fmla="*/ 1 w 1035"/>
                    <a:gd name="T107" fmla="*/ 0 h 1149"/>
                    <a:gd name="T108" fmla="*/ 1 w 1035"/>
                    <a:gd name="T109" fmla="*/ 0 h 1149"/>
                    <a:gd name="T110" fmla="*/ 1 w 1035"/>
                    <a:gd name="T111" fmla="*/ 0 h 1149"/>
                    <a:gd name="T112" fmla="*/ 1 w 1035"/>
                    <a:gd name="T113" fmla="*/ 0 h 1149"/>
                    <a:gd name="T114" fmla="*/ 1 w 1035"/>
                    <a:gd name="T115" fmla="*/ 0 h 1149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1035" h="1149">
                      <a:moveTo>
                        <a:pt x="718" y="23"/>
                      </a:moveTo>
                      <a:lnTo>
                        <a:pt x="761" y="47"/>
                      </a:lnTo>
                      <a:lnTo>
                        <a:pt x="811" y="83"/>
                      </a:lnTo>
                      <a:lnTo>
                        <a:pt x="855" y="122"/>
                      </a:lnTo>
                      <a:lnTo>
                        <a:pt x="898" y="170"/>
                      </a:lnTo>
                      <a:lnTo>
                        <a:pt x="940" y="227"/>
                      </a:lnTo>
                      <a:lnTo>
                        <a:pt x="978" y="294"/>
                      </a:lnTo>
                      <a:lnTo>
                        <a:pt x="1003" y="358"/>
                      </a:lnTo>
                      <a:lnTo>
                        <a:pt x="1023" y="432"/>
                      </a:lnTo>
                      <a:lnTo>
                        <a:pt x="1033" y="508"/>
                      </a:lnTo>
                      <a:lnTo>
                        <a:pt x="1035" y="570"/>
                      </a:lnTo>
                      <a:lnTo>
                        <a:pt x="1026" y="657"/>
                      </a:lnTo>
                      <a:lnTo>
                        <a:pt x="1030" y="624"/>
                      </a:lnTo>
                      <a:lnTo>
                        <a:pt x="1035" y="577"/>
                      </a:lnTo>
                      <a:lnTo>
                        <a:pt x="1035" y="525"/>
                      </a:lnTo>
                      <a:lnTo>
                        <a:pt x="1030" y="472"/>
                      </a:lnTo>
                      <a:lnTo>
                        <a:pt x="1013" y="388"/>
                      </a:lnTo>
                      <a:lnTo>
                        <a:pt x="1025" y="439"/>
                      </a:lnTo>
                      <a:lnTo>
                        <a:pt x="1033" y="502"/>
                      </a:lnTo>
                      <a:lnTo>
                        <a:pt x="1035" y="557"/>
                      </a:lnTo>
                      <a:lnTo>
                        <a:pt x="1032" y="605"/>
                      </a:lnTo>
                      <a:lnTo>
                        <a:pt x="1028" y="644"/>
                      </a:lnTo>
                      <a:lnTo>
                        <a:pt x="1020" y="683"/>
                      </a:lnTo>
                      <a:lnTo>
                        <a:pt x="1009" y="727"/>
                      </a:lnTo>
                      <a:lnTo>
                        <a:pt x="993" y="771"/>
                      </a:lnTo>
                      <a:lnTo>
                        <a:pt x="960" y="841"/>
                      </a:lnTo>
                      <a:lnTo>
                        <a:pt x="971" y="821"/>
                      </a:lnTo>
                      <a:lnTo>
                        <a:pt x="984" y="791"/>
                      </a:lnTo>
                      <a:lnTo>
                        <a:pt x="997" y="761"/>
                      </a:lnTo>
                      <a:lnTo>
                        <a:pt x="1008" y="727"/>
                      </a:lnTo>
                      <a:lnTo>
                        <a:pt x="1018" y="690"/>
                      </a:lnTo>
                      <a:lnTo>
                        <a:pt x="1027" y="647"/>
                      </a:lnTo>
                      <a:lnTo>
                        <a:pt x="1031" y="617"/>
                      </a:lnTo>
                      <a:lnTo>
                        <a:pt x="1033" y="593"/>
                      </a:lnTo>
                      <a:lnTo>
                        <a:pt x="1031" y="613"/>
                      </a:lnTo>
                      <a:lnTo>
                        <a:pt x="1028" y="646"/>
                      </a:lnTo>
                      <a:lnTo>
                        <a:pt x="1021" y="677"/>
                      </a:lnTo>
                      <a:lnTo>
                        <a:pt x="1014" y="704"/>
                      </a:lnTo>
                      <a:lnTo>
                        <a:pt x="1008" y="729"/>
                      </a:lnTo>
                      <a:lnTo>
                        <a:pt x="997" y="761"/>
                      </a:lnTo>
                      <a:lnTo>
                        <a:pt x="987" y="785"/>
                      </a:lnTo>
                      <a:lnTo>
                        <a:pt x="980" y="801"/>
                      </a:lnTo>
                      <a:lnTo>
                        <a:pt x="970" y="823"/>
                      </a:lnTo>
                      <a:lnTo>
                        <a:pt x="983" y="793"/>
                      </a:lnTo>
                      <a:lnTo>
                        <a:pt x="1014" y="705"/>
                      </a:lnTo>
                      <a:lnTo>
                        <a:pt x="1019" y="686"/>
                      </a:lnTo>
                      <a:lnTo>
                        <a:pt x="1011" y="716"/>
                      </a:lnTo>
                      <a:lnTo>
                        <a:pt x="1001" y="749"/>
                      </a:lnTo>
                      <a:lnTo>
                        <a:pt x="990" y="778"/>
                      </a:lnTo>
                      <a:lnTo>
                        <a:pt x="980" y="802"/>
                      </a:lnTo>
                      <a:lnTo>
                        <a:pt x="969" y="825"/>
                      </a:lnTo>
                      <a:lnTo>
                        <a:pt x="955" y="848"/>
                      </a:lnTo>
                      <a:lnTo>
                        <a:pt x="940" y="874"/>
                      </a:lnTo>
                      <a:lnTo>
                        <a:pt x="925" y="896"/>
                      </a:lnTo>
                      <a:lnTo>
                        <a:pt x="902" y="927"/>
                      </a:lnTo>
                      <a:lnTo>
                        <a:pt x="876" y="957"/>
                      </a:lnTo>
                      <a:lnTo>
                        <a:pt x="848" y="986"/>
                      </a:lnTo>
                      <a:lnTo>
                        <a:pt x="822" y="1008"/>
                      </a:lnTo>
                      <a:lnTo>
                        <a:pt x="798" y="1028"/>
                      </a:lnTo>
                      <a:lnTo>
                        <a:pt x="775" y="1044"/>
                      </a:lnTo>
                      <a:lnTo>
                        <a:pt x="749" y="1062"/>
                      </a:lnTo>
                      <a:lnTo>
                        <a:pt x="724" y="1075"/>
                      </a:lnTo>
                      <a:lnTo>
                        <a:pt x="704" y="1086"/>
                      </a:lnTo>
                      <a:lnTo>
                        <a:pt x="659" y="1106"/>
                      </a:lnTo>
                      <a:lnTo>
                        <a:pt x="684" y="1096"/>
                      </a:lnTo>
                      <a:lnTo>
                        <a:pt x="711" y="1083"/>
                      </a:lnTo>
                      <a:lnTo>
                        <a:pt x="734" y="1071"/>
                      </a:lnTo>
                      <a:lnTo>
                        <a:pt x="756" y="1056"/>
                      </a:lnTo>
                      <a:lnTo>
                        <a:pt x="789" y="1034"/>
                      </a:lnTo>
                      <a:lnTo>
                        <a:pt x="808" y="1020"/>
                      </a:lnTo>
                      <a:lnTo>
                        <a:pt x="830" y="1001"/>
                      </a:lnTo>
                      <a:lnTo>
                        <a:pt x="836" y="997"/>
                      </a:lnTo>
                      <a:lnTo>
                        <a:pt x="832" y="1000"/>
                      </a:lnTo>
                      <a:lnTo>
                        <a:pt x="819" y="1010"/>
                      </a:lnTo>
                      <a:lnTo>
                        <a:pt x="798" y="1028"/>
                      </a:lnTo>
                      <a:lnTo>
                        <a:pt x="779" y="1042"/>
                      </a:lnTo>
                      <a:lnTo>
                        <a:pt x="765" y="1050"/>
                      </a:lnTo>
                      <a:lnTo>
                        <a:pt x="756" y="1056"/>
                      </a:lnTo>
                      <a:lnTo>
                        <a:pt x="745" y="1063"/>
                      </a:lnTo>
                      <a:lnTo>
                        <a:pt x="743" y="1064"/>
                      </a:lnTo>
                      <a:lnTo>
                        <a:pt x="765" y="1050"/>
                      </a:lnTo>
                      <a:lnTo>
                        <a:pt x="774" y="1045"/>
                      </a:lnTo>
                      <a:lnTo>
                        <a:pt x="799" y="1026"/>
                      </a:lnTo>
                      <a:lnTo>
                        <a:pt x="752" y="1059"/>
                      </a:lnTo>
                      <a:lnTo>
                        <a:pt x="731" y="1072"/>
                      </a:lnTo>
                      <a:lnTo>
                        <a:pt x="704" y="1086"/>
                      </a:lnTo>
                      <a:lnTo>
                        <a:pt x="712" y="1082"/>
                      </a:lnTo>
                      <a:lnTo>
                        <a:pt x="737" y="1068"/>
                      </a:lnTo>
                      <a:lnTo>
                        <a:pt x="771" y="1047"/>
                      </a:lnTo>
                      <a:lnTo>
                        <a:pt x="801" y="1025"/>
                      </a:lnTo>
                      <a:lnTo>
                        <a:pt x="832" y="999"/>
                      </a:lnTo>
                      <a:lnTo>
                        <a:pt x="857" y="977"/>
                      </a:lnTo>
                      <a:lnTo>
                        <a:pt x="860" y="972"/>
                      </a:lnTo>
                      <a:lnTo>
                        <a:pt x="814" y="1015"/>
                      </a:lnTo>
                      <a:lnTo>
                        <a:pt x="757" y="1056"/>
                      </a:lnTo>
                      <a:lnTo>
                        <a:pt x="725" y="1075"/>
                      </a:lnTo>
                      <a:lnTo>
                        <a:pt x="703" y="1087"/>
                      </a:lnTo>
                      <a:lnTo>
                        <a:pt x="665" y="1104"/>
                      </a:lnTo>
                      <a:lnTo>
                        <a:pt x="646" y="1112"/>
                      </a:lnTo>
                      <a:lnTo>
                        <a:pt x="618" y="1121"/>
                      </a:lnTo>
                      <a:lnTo>
                        <a:pt x="611" y="1123"/>
                      </a:lnTo>
                      <a:lnTo>
                        <a:pt x="606" y="1124"/>
                      </a:lnTo>
                      <a:lnTo>
                        <a:pt x="606" y="1125"/>
                      </a:lnTo>
                      <a:lnTo>
                        <a:pt x="562" y="1135"/>
                      </a:lnTo>
                      <a:lnTo>
                        <a:pt x="518" y="1143"/>
                      </a:lnTo>
                      <a:lnTo>
                        <a:pt x="513" y="1144"/>
                      </a:lnTo>
                      <a:lnTo>
                        <a:pt x="517" y="1143"/>
                      </a:lnTo>
                      <a:lnTo>
                        <a:pt x="471" y="1148"/>
                      </a:lnTo>
                      <a:lnTo>
                        <a:pt x="477" y="1148"/>
                      </a:lnTo>
                      <a:lnTo>
                        <a:pt x="488" y="1147"/>
                      </a:lnTo>
                      <a:lnTo>
                        <a:pt x="506" y="1146"/>
                      </a:lnTo>
                      <a:lnTo>
                        <a:pt x="524" y="1142"/>
                      </a:lnTo>
                      <a:lnTo>
                        <a:pt x="550" y="1139"/>
                      </a:lnTo>
                      <a:lnTo>
                        <a:pt x="568" y="1134"/>
                      </a:lnTo>
                      <a:lnTo>
                        <a:pt x="587" y="1130"/>
                      </a:lnTo>
                      <a:lnTo>
                        <a:pt x="610" y="1123"/>
                      </a:lnTo>
                      <a:lnTo>
                        <a:pt x="639" y="1114"/>
                      </a:lnTo>
                      <a:lnTo>
                        <a:pt x="599" y="1127"/>
                      </a:lnTo>
                      <a:lnTo>
                        <a:pt x="560" y="1137"/>
                      </a:lnTo>
                      <a:lnTo>
                        <a:pt x="522" y="1143"/>
                      </a:lnTo>
                      <a:lnTo>
                        <a:pt x="471" y="1148"/>
                      </a:lnTo>
                      <a:lnTo>
                        <a:pt x="435" y="1149"/>
                      </a:lnTo>
                      <a:lnTo>
                        <a:pt x="388" y="1147"/>
                      </a:lnTo>
                      <a:lnTo>
                        <a:pt x="344" y="1142"/>
                      </a:lnTo>
                      <a:lnTo>
                        <a:pt x="321" y="1138"/>
                      </a:lnTo>
                      <a:lnTo>
                        <a:pt x="290" y="1131"/>
                      </a:lnTo>
                      <a:lnTo>
                        <a:pt x="269" y="1125"/>
                      </a:lnTo>
                      <a:lnTo>
                        <a:pt x="237" y="1115"/>
                      </a:lnTo>
                      <a:lnTo>
                        <a:pt x="192" y="1096"/>
                      </a:lnTo>
                      <a:lnTo>
                        <a:pt x="152" y="1077"/>
                      </a:lnTo>
                      <a:lnTo>
                        <a:pt x="103" y="1047"/>
                      </a:lnTo>
                      <a:lnTo>
                        <a:pt x="57" y="1012"/>
                      </a:lnTo>
                      <a:lnTo>
                        <a:pt x="0" y="959"/>
                      </a:lnTo>
                      <a:lnTo>
                        <a:pt x="39" y="997"/>
                      </a:lnTo>
                      <a:lnTo>
                        <a:pt x="97" y="1043"/>
                      </a:lnTo>
                      <a:lnTo>
                        <a:pt x="170" y="1086"/>
                      </a:lnTo>
                      <a:lnTo>
                        <a:pt x="220" y="1109"/>
                      </a:lnTo>
                      <a:lnTo>
                        <a:pt x="277" y="1128"/>
                      </a:lnTo>
                      <a:lnTo>
                        <a:pt x="288" y="1131"/>
                      </a:lnTo>
                      <a:lnTo>
                        <a:pt x="284" y="1130"/>
                      </a:lnTo>
                      <a:lnTo>
                        <a:pt x="278" y="1127"/>
                      </a:lnTo>
                      <a:lnTo>
                        <a:pt x="283" y="1091"/>
                      </a:lnTo>
                      <a:lnTo>
                        <a:pt x="269" y="1020"/>
                      </a:lnTo>
                      <a:lnTo>
                        <a:pt x="246" y="933"/>
                      </a:lnTo>
                      <a:lnTo>
                        <a:pt x="204" y="855"/>
                      </a:lnTo>
                      <a:lnTo>
                        <a:pt x="154" y="797"/>
                      </a:lnTo>
                      <a:lnTo>
                        <a:pt x="104" y="772"/>
                      </a:lnTo>
                      <a:lnTo>
                        <a:pt x="209" y="772"/>
                      </a:lnTo>
                      <a:lnTo>
                        <a:pt x="296" y="818"/>
                      </a:lnTo>
                      <a:lnTo>
                        <a:pt x="361" y="850"/>
                      </a:lnTo>
                      <a:lnTo>
                        <a:pt x="416" y="921"/>
                      </a:lnTo>
                      <a:lnTo>
                        <a:pt x="443" y="938"/>
                      </a:lnTo>
                      <a:lnTo>
                        <a:pt x="439" y="809"/>
                      </a:lnTo>
                      <a:lnTo>
                        <a:pt x="467" y="738"/>
                      </a:lnTo>
                      <a:lnTo>
                        <a:pt x="480" y="652"/>
                      </a:lnTo>
                      <a:lnTo>
                        <a:pt x="476" y="570"/>
                      </a:lnTo>
                      <a:lnTo>
                        <a:pt x="480" y="487"/>
                      </a:lnTo>
                      <a:lnTo>
                        <a:pt x="416" y="387"/>
                      </a:lnTo>
                      <a:lnTo>
                        <a:pt x="361" y="346"/>
                      </a:lnTo>
                      <a:lnTo>
                        <a:pt x="319" y="280"/>
                      </a:lnTo>
                      <a:lnTo>
                        <a:pt x="439" y="292"/>
                      </a:lnTo>
                      <a:lnTo>
                        <a:pt x="572" y="350"/>
                      </a:lnTo>
                      <a:lnTo>
                        <a:pt x="659" y="387"/>
                      </a:lnTo>
                      <a:lnTo>
                        <a:pt x="728" y="453"/>
                      </a:lnTo>
                      <a:lnTo>
                        <a:pt x="770" y="370"/>
                      </a:lnTo>
                      <a:lnTo>
                        <a:pt x="756" y="275"/>
                      </a:lnTo>
                      <a:lnTo>
                        <a:pt x="728" y="151"/>
                      </a:lnTo>
                      <a:lnTo>
                        <a:pt x="705" y="19"/>
                      </a:lnTo>
                      <a:lnTo>
                        <a:pt x="706" y="15"/>
                      </a:lnTo>
                      <a:lnTo>
                        <a:pt x="679" y="4"/>
                      </a:lnTo>
                      <a:lnTo>
                        <a:pt x="674" y="0"/>
                      </a:lnTo>
                      <a:lnTo>
                        <a:pt x="678" y="3"/>
                      </a:lnTo>
                      <a:lnTo>
                        <a:pt x="718" y="23"/>
                      </a:lnTo>
                      <a:close/>
                    </a:path>
                  </a:pathLst>
                </a:custGeom>
                <a:solidFill>
                  <a:srgbClr val="FFD6A9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3" name="Freeform 72">
                  <a:extLst>
                    <a:ext uri="{FF2B5EF4-FFF2-40B4-BE49-F238E27FC236}">
                      <a16:creationId xmlns:a16="http://schemas.microsoft.com/office/drawing/2014/main" id="{F6AA24A7-6DC2-4C92-A279-6E43C8A7C254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685" y="2540"/>
                  <a:ext cx="414" cy="460"/>
                </a:xfrm>
                <a:custGeom>
                  <a:avLst/>
                  <a:gdLst>
                    <a:gd name="T0" fmla="*/ 1 w 828"/>
                    <a:gd name="T1" fmla="*/ 1 h 919"/>
                    <a:gd name="T2" fmla="*/ 1 w 828"/>
                    <a:gd name="T3" fmla="*/ 1 h 919"/>
                    <a:gd name="T4" fmla="*/ 1 w 828"/>
                    <a:gd name="T5" fmla="*/ 1 h 919"/>
                    <a:gd name="T6" fmla="*/ 1 w 828"/>
                    <a:gd name="T7" fmla="*/ 1 h 919"/>
                    <a:gd name="T8" fmla="*/ 1 w 828"/>
                    <a:gd name="T9" fmla="*/ 1 h 919"/>
                    <a:gd name="T10" fmla="*/ 1 w 828"/>
                    <a:gd name="T11" fmla="*/ 1 h 919"/>
                    <a:gd name="T12" fmla="*/ 1 w 828"/>
                    <a:gd name="T13" fmla="*/ 1 h 919"/>
                    <a:gd name="T14" fmla="*/ 1 w 828"/>
                    <a:gd name="T15" fmla="*/ 1 h 919"/>
                    <a:gd name="T16" fmla="*/ 1 w 828"/>
                    <a:gd name="T17" fmla="*/ 1 h 919"/>
                    <a:gd name="T18" fmla="*/ 1 w 828"/>
                    <a:gd name="T19" fmla="*/ 1 h 919"/>
                    <a:gd name="T20" fmla="*/ 1 w 828"/>
                    <a:gd name="T21" fmla="*/ 1 h 919"/>
                    <a:gd name="T22" fmla="*/ 1 w 828"/>
                    <a:gd name="T23" fmla="*/ 1 h 919"/>
                    <a:gd name="T24" fmla="*/ 1 w 828"/>
                    <a:gd name="T25" fmla="*/ 1 h 919"/>
                    <a:gd name="T26" fmla="*/ 1 w 828"/>
                    <a:gd name="T27" fmla="*/ 1 h 919"/>
                    <a:gd name="T28" fmla="*/ 1 w 828"/>
                    <a:gd name="T29" fmla="*/ 1 h 919"/>
                    <a:gd name="T30" fmla="*/ 1 w 828"/>
                    <a:gd name="T31" fmla="*/ 1 h 919"/>
                    <a:gd name="T32" fmla="*/ 1 w 828"/>
                    <a:gd name="T33" fmla="*/ 1 h 919"/>
                    <a:gd name="T34" fmla="*/ 1 w 828"/>
                    <a:gd name="T35" fmla="*/ 1 h 919"/>
                    <a:gd name="T36" fmla="*/ 1 w 828"/>
                    <a:gd name="T37" fmla="*/ 1 h 919"/>
                    <a:gd name="T38" fmla="*/ 1 w 828"/>
                    <a:gd name="T39" fmla="*/ 1 h 919"/>
                    <a:gd name="T40" fmla="*/ 1 w 828"/>
                    <a:gd name="T41" fmla="*/ 1 h 919"/>
                    <a:gd name="T42" fmla="*/ 1 w 828"/>
                    <a:gd name="T43" fmla="*/ 1 h 919"/>
                    <a:gd name="T44" fmla="*/ 1 w 828"/>
                    <a:gd name="T45" fmla="*/ 1 h 919"/>
                    <a:gd name="T46" fmla="*/ 1 w 828"/>
                    <a:gd name="T47" fmla="*/ 1 h 919"/>
                    <a:gd name="T48" fmla="*/ 1 w 828"/>
                    <a:gd name="T49" fmla="*/ 1 h 919"/>
                    <a:gd name="T50" fmla="*/ 1 w 828"/>
                    <a:gd name="T51" fmla="*/ 1 h 919"/>
                    <a:gd name="T52" fmla="*/ 1 w 828"/>
                    <a:gd name="T53" fmla="*/ 1 h 919"/>
                    <a:gd name="T54" fmla="*/ 1 w 828"/>
                    <a:gd name="T55" fmla="*/ 1 h 919"/>
                    <a:gd name="T56" fmla="*/ 1 w 828"/>
                    <a:gd name="T57" fmla="*/ 1 h 919"/>
                    <a:gd name="T58" fmla="*/ 1 w 828"/>
                    <a:gd name="T59" fmla="*/ 1 h 919"/>
                    <a:gd name="T60" fmla="*/ 1 w 828"/>
                    <a:gd name="T61" fmla="*/ 1 h 919"/>
                    <a:gd name="T62" fmla="*/ 1 w 828"/>
                    <a:gd name="T63" fmla="*/ 1 h 919"/>
                    <a:gd name="T64" fmla="*/ 1 w 828"/>
                    <a:gd name="T65" fmla="*/ 1 h 919"/>
                    <a:gd name="T66" fmla="*/ 1 w 828"/>
                    <a:gd name="T67" fmla="*/ 1 h 919"/>
                    <a:gd name="T68" fmla="*/ 1 w 828"/>
                    <a:gd name="T69" fmla="*/ 1 h 919"/>
                    <a:gd name="T70" fmla="*/ 1 w 828"/>
                    <a:gd name="T71" fmla="*/ 1 h 919"/>
                    <a:gd name="T72" fmla="*/ 1 w 828"/>
                    <a:gd name="T73" fmla="*/ 1 h 919"/>
                    <a:gd name="T74" fmla="*/ 1 w 828"/>
                    <a:gd name="T75" fmla="*/ 1 h 919"/>
                    <a:gd name="T76" fmla="*/ 1 w 828"/>
                    <a:gd name="T77" fmla="*/ 1 h 919"/>
                    <a:gd name="T78" fmla="*/ 1 w 828"/>
                    <a:gd name="T79" fmla="*/ 1 h 919"/>
                    <a:gd name="T80" fmla="*/ 1 w 828"/>
                    <a:gd name="T81" fmla="*/ 1 h 919"/>
                    <a:gd name="T82" fmla="*/ 1 w 828"/>
                    <a:gd name="T83" fmla="*/ 1 h 919"/>
                    <a:gd name="T84" fmla="*/ 1 w 828"/>
                    <a:gd name="T85" fmla="*/ 1 h 919"/>
                    <a:gd name="T86" fmla="*/ 1 w 828"/>
                    <a:gd name="T87" fmla="*/ 1 h 919"/>
                    <a:gd name="T88" fmla="*/ 1 w 828"/>
                    <a:gd name="T89" fmla="*/ 1 h 919"/>
                    <a:gd name="T90" fmla="*/ 1 w 828"/>
                    <a:gd name="T91" fmla="*/ 1 h 919"/>
                    <a:gd name="T92" fmla="*/ 1 w 828"/>
                    <a:gd name="T93" fmla="*/ 1 h 919"/>
                    <a:gd name="T94" fmla="*/ 1 w 828"/>
                    <a:gd name="T95" fmla="*/ 1 h 919"/>
                    <a:gd name="T96" fmla="*/ 1 w 828"/>
                    <a:gd name="T97" fmla="*/ 1 h 919"/>
                    <a:gd name="T98" fmla="*/ 1 w 828"/>
                    <a:gd name="T99" fmla="*/ 1 h 919"/>
                    <a:gd name="T100" fmla="*/ 1 w 828"/>
                    <a:gd name="T101" fmla="*/ 1 h 919"/>
                    <a:gd name="T102" fmla="*/ 1 w 828"/>
                    <a:gd name="T103" fmla="*/ 1 h 919"/>
                    <a:gd name="T104" fmla="*/ 1 w 828"/>
                    <a:gd name="T105" fmla="*/ 1 h 919"/>
                    <a:gd name="T106" fmla="*/ 1 w 828"/>
                    <a:gd name="T107" fmla="*/ 1 h 919"/>
                    <a:gd name="T108" fmla="*/ 1 w 828"/>
                    <a:gd name="T109" fmla="*/ 1 h 919"/>
                    <a:gd name="T110" fmla="*/ 1 w 828"/>
                    <a:gd name="T111" fmla="*/ 1 h 919"/>
                    <a:gd name="T112" fmla="*/ 1 w 828"/>
                    <a:gd name="T113" fmla="*/ 0 h 919"/>
                    <a:gd name="T114" fmla="*/ 1 w 828"/>
                    <a:gd name="T115" fmla="*/ 1 h 919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828" h="919">
                      <a:moveTo>
                        <a:pt x="575" y="18"/>
                      </a:moveTo>
                      <a:lnTo>
                        <a:pt x="609" y="38"/>
                      </a:lnTo>
                      <a:lnTo>
                        <a:pt x="649" y="67"/>
                      </a:lnTo>
                      <a:lnTo>
                        <a:pt x="684" y="97"/>
                      </a:lnTo>
                      <a:lnTo>
                        <a:pt x="720" y="136"/>
                      </a:lnTo>
                      <a:lnTo>
                        <a:pt x="752" y="182"/>
                      </a:lnTo>
                      <a:lnTo>
                        <a:pt x="782" y="236"/>
                      </a:lnTo>
                      <a:lnTo>
                        <a:pt x="802" y="287"/>
                      </a:lnTo>
                      <a:lnTo>
                        <a:pt x="819" y="347"/>
                      </a:lnTo>
                      <a:lnTo>
                        <a:pt x="827" y="407"/>
                      </a:lnTo>
                      <a:lnTo>
                        <a:pt x="828" y="456"/>
                      </a:lnTo>
                      <a:lnTo>
                        <a:pt x="820" y="526"/>
                      </a:lnTo>
                      <a:lnTo>
                        <a:pt x="825" y="500"/>
                      </a:lnTo>
                      <a:lnTo>
                        <a:pt x="828" y="462"/>
                      </a:lnTo>
                      <a:lnTo>
                        <a:pt x="828" y="419"/>
                      </a:lnTo>
                      <a:lnTo>
                        <a:pt x="824" y="378"/>
                      </a:lnTo>
                      <a:lnTo>
                        <a:pt x="811" y="311"/>
                      </a:lnTo>
                      <a:lnTo>
                        <a:pt x="820" y="351"/>
                      </a:lnTo>
                      <a:lnTo>
                        <a:pt x="827" y="401"/>
                      </a:lnTo>
                      <a:lnTo>
                        <a:pt x="828" y="446"/>
                      </a:lnTo>
                      <a:lnTo>
                        <a:pt x="827" y="484"/>
                      </a:lnTo>
                      <a:lnTo>
                        <a:pt x="822" y="515"/>
                      </a:lnTo>
                      <a:lnTo>
                        <a:pt x="817" y="546"/>
                      </a:lnTo>
                      <a:lnTo>
                        <a:pt x="807" y="581"/>
                      </a:lnTo>
                      <a:lnTo>
                        <a:pt x="795" y="616"/>
                      </a:lnTo>
                      <a:lnTo>
                        <a:pt x="768" y="673"/>
                      </a:lnTo>
                      <a:lnTo>
                        <a:pt x="777" y="656"/>
                      </a:lnTo>
                      <a:lnTo>
                        <a:pt x="788" y="633"/>
                      </a:lnTo>
                      <a:lnTo>
                        <a:pt x="798" y="609"/>
                      </a:lnTo>
                      <a:lnTo>
                        <a:pt x="807" y="581"/>
                      </a:lnTo>
                      <a:lnTo>
                        <a:pt x="815" y="552"/>
                      </a:lnTo>
                      <a:lnTo>
                        <a:pt x="822" y="518"/>
                      </a:lnTo>
                      <a:lnTo>
                        <a:pt x="826" y="494"/>
                      </a:lnTo>
                      <a:lnTo>
                        <a:pt x="827" y="474"/>
                      </a:lnTo>
                      <a:lnTo>
                        <a:pt x="826" y="491"/>
                      </a:lnTo>
                      <a:lnTo>
                        <a:pt x="822" y="517"/>
                      </a:lnTo>
                      <a:lnTo>
                        <a:pt x="818" y="541"/>
                      </a:lnTo>
                      <a:lnTo>
                        <a:pt x="812" y="562"/>
                      </a:lnTo>
                      <a:lnTo>
                        <a:pt x="807" y="584"/>
                      </a:lnTo>
                      <a:lnTo>
                        <a:pt x="798" y="608"/>
                      </a:lnTo>
                      <a:lnTo>
                        <a:pt x="790" y="628"/>
                      </a:lnTo>
                      <a:lnTo>
                        <a:pt x="784" y="641"/>
                      </a:lnTo>
                      <a:lnTo>
                        <a:pt x="776" y="659"/>
                      </a:lnTo>
                      <a:lnTo>
                        <a:pt x="787" y="635"/>
                      </a:lnTo>
                      <a:lnTo>
                        <a:pt x="812" y="564"/>
                      </a:lnTo>
                      <a:lnTo>
                        <a:pt x="816" y="549"/>
                      </a:lnTo>
                      <a:lnTo>
                        <a:pt x="810" y="573"/>
                      </a:lnTo>
                      <a:lnTo>
                        <a:pt x="801" y="599"/>
                      </a:lnTo>
                      <a:lnTo>
                        <a:pt x="792" y="622"/>
                      </a:lnTo>
                      <a:lnTo>
                        <a:pt x="783" y="642"/>
                      </a:lnTo>
                      <a:lnTo>
                        <a:pt x="776" y="660"/>
                      </a:lnTo>
                      <a:lnTo>
                        <a:pt x="764" y="679"/>
                      </a:lnTo>
                      <a:lnTo>
                        <a:pt x="752" y="699"/>
                      </a:lnTo>
                      <a:lnTo>
                        <a:pt x="741" y="717"/>
                      </a:lnTo>
                      <a:lnTo>
                        <a:pt x="721" y="743"/>
                      </a:lnTo>
                      <a:lnTo>
                        <a:pt x="701" y="766"/>
                      </a:lnTo>
                      <a:lnTo>
                        <a:pt x="678" y="788"/>
                      </a:lnTo>
                      <a:lnTo>
                        <a:pt x="658" y="806"/>
                      </a:lnTo>
                      <a:lnTo>
                        <a:pt x="638" y="823"/>
                      </a:lnTo>
                      <a:lnTo>
                        <a:pt x="620" y="835"/>
                      </a:lnTo>
                      <a:lnTo>
                        <a:pt x="599" y="850"/>
                      </a:lnTo>
                      <a:lnTo>
                        <a:pt x="580" y="860"/>
                      </a:lnTo>
                      <a:lnTo>
                        <a:pt x="563" y="869"/>
                      </a:lnTo>
                      <a:lnTo>
                        <a:pt x="527" y="885"/>
                      </a:lnTo>
                      <a:lnTo>
                        <a:pt x="546" y="877"/>
                      </a:lnTo>
                      <a:lnTo>
                        <a:pt x="569" y="867"/>
                      </a:lnTo>
                      <a:lnTo>
                        <a:pt x="587" y="857"/>
                      </a:lnTo>
                      <a:lnTo>
                        <a:pt x="606" y="845"/>
                      </a:lnTo>
                      <a:lnTo>
                        <a:pt x="631" y="828"/>
                      </a:lnTo>
                      <a:lnTo>
                        <a:pt x="646" y="816"/>
                      </a:lnTo>
                      <a:lnTo>
                        <a:pt x="664" y="802"/>
                      </a:lnTo>
                      <a:lnTo>
                        <a:pt x="669" y="797"/>
                      </a:lnTo>
                      <a:lnTo>
                        <a:pt x="666" y="800"/>
                      </a:lnTo>
                      <a:lnTo>
                        <a:pt x="656" y="808"/>
                      </a:lnTo>
                      <a:lnTo>
                        <a:pt x="639" y="822"/>
                      </a:lnTo>
                      <a:lnTo>
                        <a:pt x="624" y="833"/>
                      </a:lnTo>
                      <a:lnTo>
                        <a:pt x="612" y="841"/>
                      </a:lnTo>
                      <a:lnTo>
                        <a:pt x="606" y="845"/>
                      </a:lnTo>
                      <a:lnTo>
                        <a:pt x="597" y="851"/>
                      </a:lnTo>
                      <a:lnTo>
                        <a:pt x="594" y="852"/>
                      </a:lnTo>
                      <a:lnTo>
                        <a:pt x="612" y="841"/>
                      </a:lnTo>
                      <a:lnTo>
                        <a:pt x="620" y="836"/>
                      </a:lnTo>
                      <a:lnTo>
                        <a:pt x="640" y="821"/>
                      </a:lnTo>
                      <a:lnTo>
                        <a:pt x="602" y="848"/>
                      </a:lnTo>
                      <a:lnTo>
                        <a:pt x="584" y="858"/>
                      </a:lnTo>
                      <a:lnTo>
                        <a:pt x="563" y="869"/>
                      </a:lnTo>
                      <a:lnTo>
                        <a:pt x="569" y="866"/>
                      </a:lnTo>
                      <a:lnTo>
                        <a:pt x="591" y="854"/>
                      </a:lnTo>
                      <a:lnTo>
                        <a:pt x="618" y="838"/>
                      </a:lnTo>
                      <a:lnTo>
                        <a:pt x="641" y="821"/>
                      </a:lnTo>
                      <a:lnTo>
                        <a:pt x="666" y="800"/>
                      </a:lnTo>
                      <a:lnTo>
                        <a:pt x="686" y="782"/>
                      </a:lnTo>
                      <a:lnTo>
                        <a:pt x="689" y="778"/>
                      </a:lnTo>
                      <a:lnTo>
                        <a:pt x="653" y="812"/>
                      </a:lnTo>
                      <a:lnTo>
                        <a:pt x="607" y="845"/>
                      </a:lnTo>
                      <a:lnTo>
                        <a:pt x="581" y="860"/>
                      </a:lnTo>
                      <a:lnTo>
                        <a:pt x="562" y="870"/>
                      </a:lnTo>
                      <a:lnTo>
                        <a:pt x="532" y="883"/>
                      </a:lnTo>
                      <a:lnTo>
                        <a:pt x="516" y="889"/>
                      </a:lnTo>
                      <a:lnTo>
                        <a:pt x="495" y="897"/>
                      </a:lnTo>
                      <a:lnTo>
                        <a:pt x="489" y="899"/>
                      </a:lnTo>
                      <a:lnTo>
                        <a:pt x="485" y="900"/>
                      </a:lnTo>
                      <a:lnTo>
                        <a:pt x="449" y="909"/>
                      </a:lnTo>
                      <a:lnTo>
                        <a:pt x="415" y="915"/>
                      </a:lnTo>
                      <a:lnTo>
                        <a:pt x="411" y="916"/>
                      </a:lnTo>
                      <a:lnTo>
                        <a:pt x="415" y="915"/>
                      </a:lnTo>
                      <a:lnTo>
                        <a:pt x="378" y="919"/>
                      </a:lnTo>
                      <a:lnTo>
                        <a:pt x="381" y="918"/>
                      </a:lnTo>
                      <a:lnTo>
                        <a:pt x="391" y="918"/>
                      </a:lnTo>
                      <a:lnTo>
                        <a:pt x="405" y="916"/>
                      </a:lnTo>
                      <a:lnTo>
                        <a:pt x="420" y="914"/>
                      </a:lnTo>
                      <a:lnTo>
                        <a:pt x="440" y="911"/>
                      </a:lnTo>
                      <a:lnTo>
                        <a:pt x="455" y="908"/>
                      </a:lnTo>
                      <a:lnTo>
                        <a:pt x="469" y="904"/>
                      </a:lnTo>
                      <a:lnTo>
                        <a:pt x="488" y="899"/>
                      </a:lnTo>
                      <a:lnTo>
                        <a:pt x="512" y="891"/>
                      </a:lnTo>
                      <a:lnTo>
                        <a:pt x="479" y="901"/>
                      </a:lnTo>
                      <a:lnTo>
                        <a:pt x="448" y="909"/>
                      </a:lnTo>
                      <a:lnTo>
                        <a:pt x="418" y="915"/>
                      </a:lnTo>
                      <a:lnTo>
                        <a:pt x="378" y="918"/>
                      </a:lnTo>
                      <a:lnTo>
                        <a:pt x="348" y="919"/>
                      </a:lnTo>
                      <a:lnTo>
                        <a:pt x="311" y="918"/>
                      </a:lnTo>
                      <a:lnTo>
                        <a:pt x="276" y="914"/>
                      </a:lnTo>
                      <a:lnTo>
                        <a:pt x="257" y="910"/>
                      </a:lnTo>
                      <a:lnTo>
                        <a:pt x="232" y="905"/>
                      </a:lnTo>
                      <a:lnTo>
                        <a:pt x="216" y="900"/>
                      </a:lnTo>
                      <a:lnTo>
                        <a:pt x="190" y="892"/>
                      </a:lnTo>
                      <a:lnTo>
                        <a:pt x="153" y="878"/>
                      </a:lnTo>
                      <a:lnTo>
                        <a:pt x="122" y="862"/>
                      </a:lnTo>
                      <a:lnTo>
                        <a:pt x="83" y="838"/>
                      </a:lnTo>
                      <a:lnTo>
                        <a:pt x="46" y="811"/>
                      </a:lnTo>
                      <a:lnTo>
                        <a:pt x="0" y="767"/>
                      </a:lnTo>
                      <a:lnTo>
                        <a:pt x="31" y="797"/>
                      </a:lnTo>
                      <a:lnTo>
                        <a:pt x="78" y="834"/>
                      </a:lnTo>
                      <a:lnTo>
                        <a:pt x="136" y="869"/>
                      </a:lnTo>
                      <a:lnTo>
                        <a:pt x="177" y="887"/>
                      </a:lnTo>
                      <a:lnTo>
                        <a:pt x="222" y="902"/>
                      </a:lnTo>
                      <a:lnTo>
                        <a:pt x="231" y="905"/>
                      </a:lnTo>
                      <a:lnTo>
                        <a:pt x="228" y="904"/>
                      </a:lnTo>
                      <a:lnTo>
                        <a:pt x="218" y="901"/>
                      </a:lnTo>
                      <a:lnTo>
                        <a:pt x="189" y="892"/>
                      </a:lnTo>
                      <a:lnTo>
                        <a:pt x="177" y="886"/>
                      </a:lnTo>
                      <a:lnTo>
                        <a:pt x="159" y="823"/>
                      </a:lnTo>
                      <a:lnTo>
                        <a:pt x="117" y="745"/>
                      </a:lnTo>
                      <a:lnTo>
                        <a:pt x="67" y="687"/>
                      </a:lnTo>
                      <a:lnTo>
                        <a:pt x="17" y="662"/>
                      </a:lnTo>
                      <a:lnTo>
                        <a:pt x="122" y="662"/>
                      </a:lnTo>
                      <a:lnTo>
                        <a:pt x="209" y="708"/>
                      </a:lnTo>
                      <a:lnTo>
                        <a:pt x="274" y="740"/>
                      </a:lnTo>
                      <a:lnTo>
                        <a:pt x="329" y="811"/>
                      </a:lnTo>
                      <a:lnTo>
                        <a:pt x="356" y="828"/>
                      </a:lnTo>
                      <a:lnTo>
                        <a:pt x="352" y="699"/>
                      </a:lnTo>
                      <a:lnTo>
                        <a:pt x="380" y="628"/>
                      </a:lnTo>
                      <a:lnTo>
                        <a:pt x="393" y="542"/>
                      </a:lnTo>
                      <a:lnTo>
                        <a:pt x="389" y="460"/>
                      </a:lnTo>
                      <a:lnTo>
                        <a:pt x="393" y="377"/>
                      </a:lnTo>
                      <a:lnTo>
                        <a:pt x="329" y="277"/>
                      </a:lnTo>
                      <a:lnTo>
                        <a:pt x="274" y="236"/>
                      </a:lnTo>
                      <a:lnTo>
                        <a:pt x="232" y="170"/>
                      </a:lnTo>
                      <a:lnTo>
                        <a:pt x="352" y="182"/>
                      </a:lnTo>
                      <a:lnTo>
                        <a:pt x="485" y="240"/>
                      </a:lnTo>
                      <a:lnTo>
                        <a:pt x="572" y="277"/>
                      </a:lnTo>
                      <a:lnTo>
                        <a:pt x="641" y="343"/>
                      </a:lnTo>
                      <a:lnTo>
                        <a:pt x="683" y="260"/>
                      </a:lnTo>
                      <a:lnTo>
                        <a:pt x="669" y="165"/>
                      </a:lnTo>
                      <a:lnTo>
                        <a:pt x="647" y="65"/>
                      </a:lnTo>
                      <a:lnTo>
                        <a:pt x="632" y="54"/>
                      </a:lnTo>
                      <a:lnTo>
                        <a:pt x="565" y="13"/>
                      </a:lnTo>
                      <a:lnTo>
                        <a:pt x="544" y="3"/>
                      </a:lnTo>
                      <a:lnTo>
                        <a:pt x="539" y="0"/>
                      </a:lnTo>
                      <a:lnTo>
                        <a:pt x="543" y="2"/>
                      </a:lnTo>
                      <a:lnTo>
                        <a:pt x="575" y="18"/>
                      </a:lnTo>
                      <a:close/>
                    </a:path>
                  </a:pathLst>
                </a:custGeom>
                <a:solidFill>
                  <a:srgbClr val="FFDCA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4" name="Freeform 73">
                  <a:extLst>
                    <a:ext uri="{FF2B5EF4-FFF2-40B4-BE49-F238E27FC236}">
                      <a16:creationId xmlns:a16="http://schemas.microsoft.com/office/drawing/2014/main" id="{A35EB3AC-28CC-440E-A66E-1425ECBAFFB9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710" y="2595"/>
                  <a:ext cx="329" cy="345"/>
                </a:xfrm>
                <a:custGeom>
                  <a:avLst/>
                  <a:gdLst>
                    <a:gd name="T0" fmla="*/ 1 w 658"/>
                    <a:gd name="T1" fmla="*/ 1 h 689"/>
                    <a:gd name="T2" fmla="*/ 1 w 658"/>
                    <a:gd name="T3" fmla="*/ 1 h 689"/>
                    <a:gd name="T4" fmla="*/ 1 w 658"/>
                    <a:gd name="T5" fmla="*/ 1 h 689"/>
                    <a:gd name="T6" fmla="*/ 1 w 658"/>
                    <a:gd name="T7" fmla="*/ 1 h 689"/>
                    <a:gd name="T8" fmla="*/ 1 w 658"/>
                    <a:gd name="T9" fmla="*/ 1 h 689"/>
                    <a:gd name="T10" fmla="*/ 1 w 658"/>
                    <a:gd name="T11" fmla="*/ 1 h 689"/>
                    <a:gd name="T12" fmla="*/ 1 w 658"/>
                    <a:gd name="T13" fmla="*/ 1 h 689"/>
                    <a:gd name="T14" fmla="*/ 1 w 658"/>
                    <a:gd name="T15" fmla="*/ 1 h 689"/>
                    <a:gd name="T16" fmla="*/ 1 w 658"/>
                    <a:gd name="T17" fmla="*/ 1 h 689"/>
                    <a:gd name="T18" fmla="*/ 1 w 658"/>
                    <a:gd name="T19" fmla="*/ 1 h 689"/>
                    <a:gd name="T20" fmla="*/ 1 w 658"/>
                    <a:gd name="T21" fmla="*/ 1 h 689"/>
                    <a:gd name="T22" fmla="*/ 1 w 658"/>
                    <a:gd name="T23" fmla="*/ 1 h 689"/>
                    <a:gd name="T24" fmla="*/ 1 w 658"/>
                    <a:gd name="T25" fmla="*/ 1 h 689"/>
                    <a:gd name="T26" fmla="*/ 1 w 658"/>
                    <a:gd name="T27" fmla="*/ 1 h 689"/>
                    <a:gd name="T28" fmla="*/ 1 w 658"/>
                    <a:gd name="T29" fmla="*/ 1 h 689"/>
                    <a:gd name="T30" fmla="*/ 1 w 658"/>
                    <a:gd name="T31" fmla="*/ 1 h 689"/>
                    <a:gd name="T32" fmla="*/ 1 w 658"/>
                    <a:gd name="T33" fmla="*/ 1 h 689"/>
                    <a:gd name="T34" fmla="*/ 1 w 658"/>
                    <a:gd name="T35" fmla="*/ 1 h 689"/>
                    <a:gd name="T36" fmla="*/ 1 w 658"/>
                    <a:gd name="T37" fmla="*/ 1 h 689"/>
                    <a:gd name="T38" fmla="*/ 1 w 658"/>
                    <a:gd name="T39" fmla="*/ 1 h 689"/>
                    <a:gd name="T40" fmla="*/ 1 w 658"/>
                    <a:gd name="T41" fmla="*/ 1 h 689"/>
                    <a:gd name="T42" fmla="*/ 1 w 658"/>
                    <a:gd name="T43" fmla="*/ 1 h 689"/>
                    <a:gd name="T44" fmla="*/ 1 w 658"/>
                    <a:gd name="T45" fmla="*/ 1 h 689"/>
                    <a:gd name="T46" fmla="*/ 1 w 658"/>
                    <a:gd name="T47" fmla="*/ 1 h 689"/>
                    <a:gd name="T48" fmla="*/ 1 w 658"/>
                    <a:gd name="T49" fmla="*/ 1 h 689"/>
                    <a:gd name="T50" fmla="*/ 1 w 658"/>
                    <a:gd name="T51" fmla="*/ 1 h 689"/>
                    <a:gd name="T52" fmla="*/ 1 w 658"/>
                    <a:gd name="T53" fmla="*/ 1 h 689"/>
                    <a:gd name="T54" fmla="*/ 1 w 658"/>
                    <a:gd name="T55" fmla="*/ 1 h 689"/>
                    <a:gd name="T56" fmla="*/ 1 w 658"/>
                    <a:gd name="T57" fmla="*/ 1 h 689"/>
                    <a:gd name="T58" fmla="*/ 1 w 658"/>
                    <a:gd name="T59" fmla="*/ 1 h 689"/>
                    <a:gd name="T60" fmla="*/ 1 w 658"/>
                    <a:gd name="T61" fmla="*/ 1 h 689"/>
                    <a:gd name="T62" fmla="*/ 1 w 658"/>
                    <a:gd name="T63" fmla="*/ 1 h 689"/>
                    <a:gd name="T64" fmla="*/ 1 w 658"/>
                    <a:gd name="T65" fmla="*/ 1 h 689"/>
                    <a:gd name="T66" fmla="*/ 1 w 658"/>
                    <a:gd name="T67" fmla="*/ 1 h 689"/>
                    <a:gd name="T68" fmla="*/ 1 w 658"/>
                    <a:gd name="T69" fmla="*/ 1 h 689"/>
                    <a:gd name="T70" fmla="*/ 1 w 658"/>
                    <a:gd name="T71" fmla="*/ 1 h 689"/>
                    <a:gd name="T72" fmla="*/ 1 w 658"/>
                    <a:gd name="T73" fmla="*/ 1 h 689"/>
                    <a:gd name="T74" fmla="*/ 1 w 658"/>
                    <a:gd name="T75" fmla="*/ 1 h 689"/>
                    <a:gd name="T76" fmla="*/ 1 w 658"/>
                    <a:gd name="T77" fmla="*/ 1 h 689"/>
                    <a:gd name="T78" fmla="*/ 1 w 658"/>
                    <a:gd name="T79" fmla="*/ 1 h 689"/>
                    <a:gd name="T80" fmla="*/ 1 w 658"/>
                    <a:gd name="T81" fmla="*/ 1 h 689"/>
                    <a:gd name="T82" fmla="*/ 1 w 658"/>
                    <a:gd name="T83" fmla="*/ 1 h 689"/>
                    <a:gd name="T84" fmla="*/ 1 w 658"/>
                    <a:gd name="T85" fmla="*/ 1 h 689"/>
                    <a:gd name="T86" fmla="*/ 1 w 658"/>
                    <a:gd name="T87" fmla="*/ 1 h 689"/>
                    <a:gd name="T88" fmla="*/ 1 w 658"/>
                    <a:gd name="T89" fmla="*/ 1 h 689"/>
                    <a:gd name="T90" fmla="*/ 1 w 658"/>
                    <a:gd name="T91" fmla="*/ 1 h 689"/>
                    <a:gd name="T92" fmla="*/ 1 w 658"/>
                    <a:gd name="T93" fmla="*/ 1 h 689"/>
                    <a:gd name="T94" fmla="*/ 1 w 658"/>
                    <a:gd name="T95" fmla="*/ 1 h 689"/>
                    <a:gd name="T96" fmla="*/ 1 w 658"/>
                    <a:gd name="T97" fmla="*/ 1 h 689"/>
                    <a:gd name="T98" fmla="*/ 1 w 658"/>
                    <a:gd name="T99" fmla="*/ 1 h 689"/>
                    <a:gd name="T100" fmla="*/ 1 w 658"/>
                    <a:gd name="T101" fmla="*/ 1 h 689"/>
                    <a:gd name="T102" fmla="*/ 1 w 658"/>
                    <a:gd name="T103" fmla="*/ 1 h 689"/>
                    <a:gd name="T104" fmla="*/ 1 w 658"/>
                    <a:gd name="T105" fmla="*/ 1 h 689"/>
                    <a:gd name="T106" fmla="*/ 1 w 658"/>
                    <a:gd name="T107" fmla="*/ 1 h 689"/>
                    <a:gd name="T108" fmla="*/ 1 w 658"/>
                    <a:gd name="T109" fmla="*/ 1 h 689"/>
                    <a:gd name="T110" fmla="*/ 1 w 658"/>
                    <a:gd name="T111" fmla="*/ 1 h 689"/>
                    <a:gd name="T112" fmla="*/ 1 w 658"/>
                    <a:gd name="T113" fmla="*/ 1 h 689"/>
                    <a:gd name="T114" fmla="*/ 1 w 658"/>
                    <a:gd name="T115" fmla="*/ 1 h 689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658" h="689">
                      <a:moveTo>
                        <a:pt x="469" y="13"/>
                      </a:moveTo>
                      <a:lnTo>
                        <a:pt x="494" y="28"/>
                      </a:lnTo>
                      <a:lnTo>
                        <a:pt x="524" y="49"/>
                      </a:lnTo>
                      <a:lnTo>
                        <a:pt x="550" y="72"/>
                      </a:lnTo>
                      <a:lnTo>
                        <a:pt x="577" y="101"/>
                      </a:lnTo>
                      <a:lnTo>
                        <a:pt x="601" y="135"/>
                      </a:lnTo>
                      <a:lnTo>
                        <a:pt x="625" y="176"/>
                      </a:lnTo>
                      <a:lnTo>
                        <a:pt x="639" y="214"/>
                      </a:lnTo>
                      <a:lnTo>
                        <a:pt x="652" y="259"/>
                      </a:lnTo>
                      <a:lnTo>
                        <a:pt x="657" y="304"/>
                      </a:lnTo>
                      <a:lnTo>
                        <a:pt x="658" y="341"/>
                      </a:lnTo>
                      <a:lnTo>
                        <a:pt x="653" y="393"/>
                      </a:lnTo>
                      <a:lnTo>
                        <a:pt x="656" y="374"/>
                      </a:lnTo>
                      <a:lnTo>
                        <a:pt x="658" y="345"/>
                      </a:lnTo>
                      <a:lnTo>
                        <a:pt x="658" y="314"/>
                      </a:lnTo>
                      <a:lnTo>
                        <a:pt x="655" y="283"/>
                      </a:lnTo>
                      <a:lnTo>
                        <a:pt x="645" y="232"/>
                      </a:lnTo>
                      <a:lnTo>
                        <a:pt x="653" y="262"/>
                      </a:lnTo>
                      <a:lnTo>
                        <a:pt x="657" y="300"/>
                      </a:lnTo>
                      <a:lnTo>
                        <a:pt x="658" y="333"/>
                      </a:lnTo>
                      <a:lnTo>
                        <a:pt x="657" y="363"/>
                      </a:lnTo>
                      <a:lnTo>
                        <a:pt x="654" y="385"/>
                      </a:lnTo>
                      <a:lnTo>
                        <a:pt x="650" y="409"/>
                      </a:lnTo>
                      <a:lnTo>
                        <a:pt x="643" y="436"/>
                      </a:lnTo>
                      <a:lnTo>
                        <a:pt x="634" y="462"/>
                      </a:lnTo>
                      <a:lnTo>
                        <a:pt x="614" y="504"/>
                      </a:lnTo>
                      <a:lnTo>
                        <a:pt x="620" y="492"/>
                      </a:lnTo>
                      <a:lnTo>
                        <a:pt x="628" y="474"/>
                      </a:lnTo>
                      <a:lnTo>
                        <a:pt x="636" y="456"/>
                      </a:lnTo>
                      <a:lnTo>
                        <a:pt x="643" y="436"/>
                      </a:lnTo>
                      <a:lnTo>
                        <a:pt x="648" y="413"/>
                      </a:lnTo>
                      <a:lnTo>
                        <a:pt x="654" y="388"/>
                      </a:lnTo>
                      <a:lnTo>
                        <a:pt x="656" y="370"/>
                      </a:lnTo>
                      <a:lnTo>
                        <a:pt x="657" y="355"/>
                      </a:lnTo>
                      <a:lnTo>
                        <a:pt x="656" y="368"/>
                      </a:lnTo>
                      <a:lnTo>
                        <a:pt x="654" y="387"/>
                      </a:lnTo>
                      <a:lnTo>
                        <a:pt x="651" y="406"/>
                      </a:lnTo>
                      <a:lnTo>
                        <a:pt x="646" y="421"/>
                      </a:lnTo>
                      <a:lnTo>
                        <a:pt x="642" y="437"/>
                      </a:lnTo>
                      <a:lnTo>
                        <a:pt x="636" y="456"/>
                      </a:lnTo>
                      <a:lnTo>
                        <a:pt x="629" y="470"/>
                      </a:lnTo>
                      <a:lnTo>
                        <a:pt x="626" y="479"/>
                      </a:lnTo>
                      <a:lnTo>
                        <a:pt x="619" y="493"/>
                      </a:lnTo>
                      <a:lnTo>
                        <a:pt x="628" y="475"/>
                      </a:lnTo>
                      <a:lnTo>
                        <a:pt x="646" y="422"/>
                      </a:lnTo>
                      <a:lnTo>
                        <a:pt x="650" y="410"/>
                      </a:lnTo>
                      <a:lnTo>
                        <a:pt x="645" y="429"/>
                      </a:lnTo>
                      <a:lnTo>
                        <a:pt x="638" y="448"/>
                      </a:lnTo>
                      <a:lnTo>
                        <a:pt x="632" y="466"/>
                      </a:lnTo>
                      <a:lnTo>
                        <a:pt x="625" y="481"/>
                      </a:lnTo>
                      <a:lnTo>
                        <a:pt x="618" y="494"/>
                      </a:lnTo>
                      <a:lnTo>
                        <a:pt x="612" y="508"/>
                      </a:lnTo>
                      <a:lnTo>
                        <a:pt x="601" y="523"/>
                      </a:lnTo>
                      <a:lnTo>
                        <a:pt x="593" y="536"/>
                      </a:lnTo>
                      <a:lnTo>
                        <a:pt x="578" y="555"/>
                      </a:lnTo>
                      <a:lnTo>
                        <a:pt x="563" y="573"/>
                      </a:lnTo>
                      <a:lnTo>
                        <a:pt x="547" y="590"/>
                      </a:lnTo>
                      <a:lnTo>
                        <a:pt x="531" y="605"/>
                      </a:lnTo>
                      <a:lnTo>
                        <a:pt x="517" y="616"/>
                      </a:lnTo>
                      <a:lnTo>
                        <a:pt x="503" y="626"/>
                      </a:lnTo>
                      <a:lnTo>
                        <a:pt x="486" y="636"/>
                      </a:lnTo>
                      <a:lnTo>
                        <a:pt x="472" y="645"/>
                      </a:lnTo>
                      <a:lnTo>
                        <a:pt x="460" y="651"/>
                      </a:lnTo>
                      <a:lnTo>
                        <a:pt x="434" y="663"/>
                      </a:lnTo>
                      <a:lnTo>
                        <a:pt x="447" y="657"/>
                      </a:lnTo>
                      <a:lnTo>
                        <a:pt x="464" y="648"/>
                      </a:lnTo>
                      <a:lnTo>
                        <a:pt x="477" y="642"/>
                      </a:lnTo>
                      <a:lnTo>
                        <a:pt x="492" y="633"/>
                      </a:lnTo>
                      <a:lnTo>
                        <a:pt x="511" y="619"/>
                      </a:lnTo>
                      <a:lnTo>
                        <a:pt x="522" y="611"/>
                      </a:lnTo>
                      <a:lnTo>
                        <a:pt x="536" y="600"/>
                      </a:lnTo>
                      <a:lnTo>
                        <a:pt x="539" y="597"/>
                      </a:lnTo>
                      <a:lnTo>
                        <a:pt x="537" y="599"/>
                      </a:lnTo>
                      <a:lnTo>
                        <a:pt x="529" y="606"/>
                      </a:lnTo>
                      <a:lnTo>
                        <a:pt x="517" y="616"/>
                      </a:lnTo>
                      <a:lnTo>
                        <a:pt x="505" y="624"/>
                      </a:lnTo>
                      <a:lnTo>
                        <a:pt x="496" y="629"/>
                      </a:lnTo>
                      <a:lnTo>
                        <a:pt x="492" y="633"/>
                      </a:lnTo>
                      <a:lnTo>
                        <a:pt x="485" y="637"/>
                      </a:lnTo>
                      <a:lnTo>
                        <a:pt x="484" y="638"/>
                      </a:lnTo>
                      <a:lnTo>
                        <a:pt x="496" y="629"/>
                      </a:lnTo>
                      <a:lnTo>
                        <a:pt x="502" y="626"/>
                      </a:lnTo>
                      <a:lnTo>
                        <a:pt x="518" y="615"/>
                      </a:lnTo>
                      <a:lnTo>
                        <a:pt x="489" y="635"/>
                      </a:lnTo>
                      <a:lnTo>
                        <a:pt x="476" y="643"/>
                      </a:lnTo>
                      <a:lnTo>
                        <a:pt x="460" y="651"/>
                      </a:lnTo>
                      <a:lnTo>
                        <a:pt x="464" y="648"/>
                      </a:lnTo>
                      <a:lnTo>
                        <a:pt x="481" y="640"/>
                      </a:lnTo>
                      <a:lnTo>
                        <a:pt x="501" y="627"/>
                      </a:lnTo>
                      <a:lnTo>
                        <a:pt x="519" y="615"/>
                      </a:lnTo>
                      <a:lnTo>
                        <a:pt x="537" y="599"/>
                      </a:lnTo>
                      <a:lnTo>
                        <a:pt x="552" y="585"/>
                      </a:lnTo>
                      <a:lnTo>
                        <a:pt x="555" y="582"/>
                      </a:lnTo>
                      <a:lnTo>
                        <a:pt x="527" y="608"/>
                      </a:lnTo>
                      <a:lnTo>
                        <a:pt x="492" y="633"/>
                      </a:lnTo>
                      <a:lnTo>
                        <a:pt x="473" y="644"/>
                      </a:lnTo>
                      <a:lnTo>
                        <a:pt x="460" y="652"/>
                      </a:lnTo>
                      <a:lnTo>
                        <a:pt x="436" y="662"/>
                      </a:lnTo>
                      <a:lnTo>
                        <a:pt x="425" y="666"/>
                      </a:lnTo>
                      <a:lnTo>
                        <a:pt x="408" y="672"/>
                      </a:lnTo>
                      <a:lnTo>
                        <a:pt x="405" y="673"/>
                      </a:lnTo>
                      <a:lnTo>
                        <a:pt x="401" y="674"/>
                      </a:lnTo>
                      <a:lnTo>
                        <a:pt x="375" y="681"/>
                      </a:lnTo>
                      <a:lnTo>
                        <a:pt x="349" y="685"/>
                      </a:lnTo>
                      <a:lnTo>
                        <a:pt x="346" y="685"/>
                      </a:lnTo>
                      <a:lnTo>
                        <a:pt x="348" y="685"/>
                      </a:lnTo>
                      <a:lnTo>
                        <a:pt x="320" y="689"/>
                      </a:lnTo>
                      <a:lnTo>
                        <a:pt x="323" y="687"/>
                      </a:lnTo>
                      <a:lnTo>
                        <a:pt x="331" y="687"/>
                      </a:lnTo>
                      <a:lnTo>
                        <a:pt x="341" y="686"/>
                      </a:lnTo>
                      <a:lnTo>
                        <a:pt x="352" y="685"/>
                      </a:lnTo>
                      <a:lnTo>
                        <a:pt x="368" y="682"/>
                      </a:lnTo>
                      <a:lnTo>
                        <a:pt x="378" y="680"/>
                      </a:lnTo>
                      <a:lnTo>
                        <a:pt x="389" y="677"/>
                      </a:lnTo>
                      <a:lnTo>
                        <a:pt x="404" y="673"/>
                      </a:lnTo>
                      <a:lnTo>
                        <a:pt x="420" y="667"/>
                      </a:lnTo>
                      <a:lnTo>
                        <a:pt x="397" y="675"/>
                      </a:lnTo>
                      <a:lnTo>
                        <a:pt x="374" y="681"/>
                      </a:lnTo>
                      <a:lnTo>
                        <a:pt x="350" y="685"/>
                      </a:lnTo>
                      <a:lnTo>
                        <a:pt x="321" y="689"/>
                      </a:lnTo>
                      <a:lnTo>
                        <a:pt x="299" y="689"/>
                      </a:lnTo>
                      <a:lnTo>
                        <a:pt x="270" y="687"/>
                      </a:lnTo>
                      <a:lnTo>
                        <a:pt x="244" y="684"/>
                      </a:lnTo>
                      <a:lnTo>
                        <a:pt x="231" y="682"/>
                      </a:lnTo>
                      <a:lnTo>
                        <a:pt x="212" y="677"/>
                      </a:lnTo>
                      <a:lnTo>
                        <a:pt x="199" y="674"/>
                      </a:lnTo>
                      <a:lnTo>
                        <a:pt x="180" y="668"/>
                      </a:lnTo>
                      <a:lnTo>
                        <a:pt x="152" y="657"/>
                      </a:lnTo>
                      <a:lnTo>
                        <a:pt x="129" y="646"/>
                      </a:lnTo>
                      <a:lnTo>
                        <a:pt x="100" y="627"/>
                      </a:lnTo>
                      <a:lnTo>
                        <a:pt x="72" y="607"/>
                      </a:lnTo>
                      <a:lnTo>
                        <a:pt x="37" y="574"/>
                      </a:lnTo>
                      <a:lnTo>
                        <a:pt x="61" y="597"/>
                      </a:lnTo>
                      <a:lnTo>
                        <a:pt x="95" y="625"/>
                      </a:lnTo>
                      <a:lnTo>
                        <a:pt x="140" y="651"/>
                      </a:lnTo>
                      <a:lnTo>
                        <a:pt x="169" y="664"/>
                      </a:lnTo>
                      <a:lnTo>
                        <a:pt x="204" y="676"/>
                      </a:lnTo>
                      <a:lnTo>
                        <a:pt x="210" y="677"/>
                      </a:lnTo>
                      <a:lnTo>
                        <a:pt x="208" y="677"/>
                      </a:lnTo>
                      <a:lnTo>
                        <a:pt x="201" y="675"/>
                      </a:lnTo>
                      <a:lnTo>
                        <a:pt x="179" y="668"/>
                      </a:lnTo>
                      <a:lnTo>
                        <a:pt x="139" y="651"/>
                      </a:lnTo>
                      <a:lnTo>
                        <a:pt x="82" y="615"/>
                      </a:lnTo>
                      <a:lnTo>
                        <a:pt x="29" y="566"/>
                      </a:lnTo>
                      <a:lnTo>
                        <a:pt x="0" y="529"/>
                      </a:lnTo>
                      <a:lnTo>
                        <a:pt x="18" y="551"/>
                      </a:lnTo>
                      <a:lnTo>
                        <a:pt x="72" y="551"/>
                      </a:lnTo>
                      <a:lnTo>
                        <a:pt x="159" y="597"/>
                      </a:lnTo>
                      <a:lnTo>
                        <a:pt x="224" y="629"/>
                      </a:lnTo>
                      <a:lnTo>
                        <a:pt x="270" y="686"/>
                      </a:lnTo>
                      <a:lnTo>
                        <a:pt x="280" y="689"/>
                      </a:lnTo>
                      <a:lnTo>
                        <a:pt x="306" y="689"/>
                      </a:lnTo>
                      <a:lnTo>
                        <a:pt x="306" y="687"/>
                      </a:lnTo>
                      <a:lnTo>
                        <a:pt x="302" y="588"/>
                      </a:lnTo>
                      <a:lnTo>
                        <a:pt x="330" y="517"/>
                      </a:lnTo>
                      <a:lnTo>
                        <a:pt x="343" y="431"/>
                      </a:lnTo>
                      <a:lnTo>
                        <a:pt x="339" y="349"/>
                      </a:lnTo>
                      <a:lnTo>
                        <a:pt x="343" y="266"/>
                      </a:lnTo>
                      <a:lnTo>
                        <a:pt x="279" y="166"/>
                      </a:lnTo>
                      <a:lnTo>
                        <a:pt x="224" y="125"/>
                      </a:lnTo>
                      <a:lnTo>
                        <a:pt x="182" y="59"/>
                      </a:lnTo>
                      <a:lnTo>
                        <a:pt x="302" y="71"/>
                      </a:lnTo>
                      <a:lnTo>
                        <a:pt x="435" y="129"/>
                      </a:lnTo>
                      <a:lnTo>
                        <a:pt x="522" y="166"/>
                      </a:lnTo>
                      <a:lnTo>
                        <a:pt x="591" y="232"/>
                      </a:lnTo>
                      <a:lnTo>
                        <a:pt x="623" y="171"/>
                      </a:lnTo>
                      <a:lnTo>
                        <a:pt x="616" y="158"/>
                      </a:lnTo>
                      <a:lnTo>
                        <a:pt x="572" y="96"/>
                      </a:lnTo>
                      <a:lnTo>
                        <a:pt x="512" y="40"/>
                      </a:lnTo>
                      <a:lnTo>
                        <a:pt x="462" y="9"/>
                      </a:lnTo>
                      <a:lnTo>
                        <a:pt x="445" y="1"/>
                      </a:lnTo>
                      <a:lnTo>
                        <a:pt x="442" y="0"/>
                      </a:lnTo>
                      <a:lnTo>
                        <a:pt x="445" y="1"/>
                      </a:lnTo>
                      <a:lnTo>
                        <a:pt x="469" y="13"/>
                      </a:lnTo>
                      <a:close/>
                    </a:path>
                  </a:pathLst>
                </a:custGeom>
                <a:solidFill>
                  <a:srgbClr val="FFE5BD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5" name="Freeform 74">
                  <a:extLst>
                    <a:ext uri="{FF2B5EF4-FFF2-40B4-BE49-F238E27FC236}">
                      <a16:creationId xmlns:a16="http://schemas.microsoft.com/office/drawing/2014/main" id="{8201281A-A911-4225-B785-C6F081B48CD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760" y="2641"/>
                  <a:ext cx="219" cy="239"/>
                </a:xfrm>
                <a:custGeom>
                  <a:avLst/>
                  <a:gdLst>
                    <a:gd name="T0" fmla="*/ 0 w 439"/>
                    <a:gd name="T1" fmla="*/ 0 h 479"/>
                    <a:gd name="T2" fmla="*/ 0 w 439"/>
                    <a:gd name="T3" fmla="*/ 0 h 479"/>
                    <a:gd name="T4" fmla="*/ 0 w 439"/>
                    <a:gd name="T5" fmla="*/ 0 h 479"/>
                    <a:gd name="T6" fmla="*/ 0 w 439"/>
                    <a:gd name="T7" fmla="*/ 0 h 479"/>
                    <a:gd name="T8" fmla="*/ 0 w 439"/>
                    <a:gd name="T9" fmla="*/ 0 h 479"/>
                    <a:gd name="T10" fmla="*/ 0 w 439"/>
                    <a:gd name="T11" fmla="*/ 0 h 479"/>
                    <a:gd name="T12" fmla="*/ 0 w 439"/>
                    <a:gd name="T13" fmla="*/ 0 h 479"/>
                    <a:gd name="T14" fmla="*/ 0 w 439"/>
                    <a:gd name="T15" fmla="*/ 0 h 479"/>
                    <a:gd name="T16" fmla="*/ 0 w 439"/>
                    <a:gd name="T17" fmla="*/ 0 h 479"/>
                    <a:gd name="T18" fmla="*/ 0 w 439"/>
                    <a:gd name="T19" fmla="*/ 0 h 479"/>
                    <a:gd name="T20" fmla="*/ 0 w 439"/>
                    <a:gd name="T21" fmla="*/ 0 h 479"/>
                    <a:gd name="T22" fmla="*/ 0 w 439"/>
                    <a:gd name="T23" fmla="*/ 0 h 479"/>
                    <a:gd name="T24" fmla="*/ 0 w 439"/>
                    <a:gd name="T25" fmla="*/ 0 h 479"/>
                    <a:gd name="T26" fmla="*/ 0 w 439"/>
                    <a:gd name="T27" fmla="*/ 0 h 479"/>
                    <a:gd name="T28" fmla="*/ 0 w 439"/>
                    <a:gd name="T29" fmla="*/ 0 h 479"/>
                    <a:gd name="T30" fmla="*/ 0 w 439"/>
                    <a:gd name="T31" fmla="*/ 0 h 479"/>
                    <a:gd name="T32" fmla="*/ 0 w 439"/>
                    <a:gd name="T33" fmla="*/ 0 h 479"/>
                    <a:gd name="T34" fmla="*/ 0 w 439"/>
                    <a:gd name="T35" fmla="*/ 0 h 479"/>
                    <a:gd name="T36" fmla="*/ 0 w 439"/>
                    <a:gd name="T37" fmla="*/ 0 h 479"/>
                    <a:gd name="T38" fmla="*/ 0 w 439"/>
                    <a:gd name="T39" fmla="*/ 0 h 479"/>
                    <a:gd name="T40" fmla="*/ 0 w 439"/>
                    <a:gd name="T41" fmla="*/ 0 h 479"/>
                    <a:gd name="T42" fmla="*/ 0 w 439"/>
                    <a:gd name="T43" fmla="*/ 0 h 479"/>
                    <a:gd name="T44" fmla="*/ 0 w 439"/>
                    <a:gd name="T45" fmla="*/ 0 h 479"/>
                    <a:gd name="T46" fmla="*/ 0 w 439"/>
                    <a:gd name="T47" fmla="*/ 0 h 479"/>
                    <a:gd name="T48" fmla="*/ 0 w 439"/>
                    <a:gd name="T49" fmla="*/ 0 h 479"/>
                    <a:gd name="T50" fmla="*/ 0 w 439"/>
                    <a:gd name="T51" fmla="*/ 0 h 479"/>
                    <a:gd name="T52" fmla="*/ 0 w 439"/>
                    <a:gd name="T53" fmla="*/ 0 h 479"/>
                    <a:gd name="T54" fmla="*/ 0 w 439"/>
                    <a:gd name="T55" fmla="*/ 0 h 479"/>
                    <a:gd name="T56" fmla="*/ 0 w 439"/>
                    <a:gd name="T57" fmla="*/ 0 h 479"/>
                    <a:gd name="T58" fmla="*/ 0 w 439"/>
                    <a:gd name="T59" fmla="*/ 0 h 479"/>
                    <a:gd name="T60" fmla="*/ 0 w 439"/>
                    <a:gd name="T61" fmla="*/ 0 h 479"/>
                    <a:gd name="T62" fmla="*/ 0 w 439"/>
                    <a:gd name="T63" fmla="*/ 0 h 479"/>
                    <a:gd name="T64" fmla="*/ 0 w 439"/>
                    <a:gd name="T65" fmla="*/ 0 h 479"/>
                    <a:gd name="T66" fmla="*/ 0 w 439"/>
                    <a:gd name="T67" fmla="*/ 0 h 479"/>
                    <a:gd name="T68" fmla="*/ 0 w 439"/>
                    <a:gd name="T69" fmla="*/ 0 h 479"/>
                    <a:gd name="T70" fmla="*/ 0 w 439"/>
                    <a:gd name="T71" fmla="*/ 0 h 479"/>
                    <a:gd name="T72" fmla="*/ 0 w 439"/>
                    <a:gd name="T73" fmla="*/ 0 h 479"/>
                    <a:gd name="T74" fmla="*/ 0 w 439"/>
                    <a:gd name="T75" fmla="*/ 0 h 479"/>
                    <a:gd name="T76" fmla="*/ 0 w 439"/>
                    <a:gd name="T77" fmla="*/ 0 h 479"/>
                    <a:gd name="T78" fmla="*/ 0 w 439"/>
                    <a:gd name="T79" fmla="*/ 0 h 479"/>
                    <a:gd name="T80" fmla="*/ 0 w 439"/>
                    <a:gd name="T81" fmla="*/ 0 h 479"/>
                    <a:gd name="T82" fmla="*/ 0 w 439"/>
                    <a:gd name="T83" fmla="*/ 0 h 479"/>
                    <a:gd name="T84" fmla="*/ 0 w 439"/>
                    <a:gd name="T85" fmla="*/ 0 h 479"/>
                    <a:gd name="T86" fmla="*/ 0 w 439"/>
                    <a:gd name="T87" fmla="*/ 0 h 479"/>
                    <a:gd name="T88" fmla="*/ 0 w 439"/>
                    <a:gd name="T89" fmla="*/ 0 h 479"/>
                    <a:gd name="T90" fmla="*/ 0 w 439"/>
                    <a:gd name="T91" fmla="*/ 0 h 479"/>
                    <a:gd name="T92" fmla="*/ 0 w 439"/>
                    <a:gd name="T93" fmla="*/ 0 h 479"/>
                    <a:gd name="T94" fmla="*/ 0 w 439"/>
                    <a:gd name="T95" fmla="*/ 0 h 479"/>
                    <a:gd name="T96" fmla="*/ 0 w 439"/>
                    <a:gd name="T97" fmla="*/ 0 h 479"/>
                    <a:gd name="T98" fmla="*/ 0 w 439"/>
                    <a:gd name="T99" fmla="*/ 0 h 479"/>
                    <a:gd name="T100" fmla="*/ 0 w 439"/>
                    <a:gd name="T101" fmla="*/ 0 h 479"/>
                    <a:gd name="T102" fmla="*/ 0 w 439"/>
                    <a:gd name="T103" fmla="*/ 0 h 479"/>
                    <a:gd name="T104" fmla="*/ 0 w 439"/>
                    <a:gd name="T105" fmla="*/ 0 h 479"/>
                    <a:gd name="T106" fmla="*/ 0 w 439"/>
                    <a:gd name="T107" fmla="*/ 0 h 479"/>
                    <a:gd name="T108" fmla="*/ 0 w 439"/>
                    <a:gd name="T109" fmla="*/ 0 h 479"/>
                    <a:gd name="T110" fmla="*/ 0 w 439"/>
                    <a:gd name="T111" fmla="*/ 0 h 479"/>
                    <a:gd name="T112" fmla="*/ 0 w 439"/>
                    <a:gd name="T113" fmla="*/ 0 h 479"/>
                    <a:gd name="T114" fmla="*/ 0 w 439"/>
                    <a:gd name="T115" fmla="*/ 0 h 479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439" h="479">
                      <a:moveTo>
                        <a:pt x="313" y="28"/>
                      </a:moveTo>
                      <a:lnTo>
                        <a:pt x="329" y="38"/>
                      </a:lnTo>
                      <a:lnTo>
                        <a:pt x="350" y="53"/>
                      </a:lnTo>
                      <a:lnTo>
                        <a:pt x="367" y="68"/>
                      </a:lnTo>
                      <a:lnTo>
                        <a:pt x="384" y="87"/>
                      </a:lnTo>
                      <a:lnTo>
                        <a:pt x="401" y="110"/>
                      </a:lnTo>
                      <a:lnTo>
                        <a:pt x="417" y="137"/>
                      </a:lnTo>
                      <a:lnTo>
                        <a:pt x="427" y="162"/>
                      </a:lnTo>
                      <a:lnTo>
                        <a:pt x="434" y="193"/>
                      </a:lnTo>
                      <a:lnTo>
                        <a:pt x="439" y="223"/>
                      </a:lnTo>
                      <a:lnTo>
                        <a:pt x="439" y="247"/>
                      </a:lnTo>
                      <a:lnTo>
                        <a:pt x="436" y="282"/>
                      </a:lnTo>
                      <a:lnTo>
                        <a:pt x="437" y="270"/>
                      </a:lnTo>
                      <a:lnTo>
                        <a:pt x="439" y="251"/>
                      </a:lnTo>
                      <a:lnTo>
                        <a:pt x="439" y="229"/>
                      </a:lnTo>
                      <a:lnTo>
                        <a:pt x="437" y="208"/>
                      </a:lnTo>
                      <a:lnTo>
                        <a:pt x="430" y="175"/>
                      </a:lnTo>
                      <a:lnTo>
                        <a:pt x="434" y="195"/>
                      </a:lnTo>
                      <a:lnTo>
                        <a:pt x="438" y="221"/>
                      </a:lnTo>
                      <a:lnTo>
                        <a:pt x="439" y="242"/>
                      </a:lnTo>
                      <a:lnTo>
                        <a:pt x="438" y="262"/>
                      </a:lnTo>
                      <a:lnTo>
                        <a:pt x="436" y="276"/>
                      </a:lnTo>
                      <a:lnTo>
                        <a:pt x="433" y="292"/>
                      </a:lnTo>
                      <a:lnTo>
                        <a:pt x="429" y="310"/>
                      </a:lnTo>
                      <a:lnTo>
                        <a:pt x="422" y="328"/>
                      </a:lnTo>
                      <a:lnTo>
                        <a:pt x="409" y="356"/>
                      </a:lnTo>
                      <a:lnTo>
                        <a:pt x="413" y="348"/>
                      </a:lnTo>
                      <a:lnTo>
                        <a:pt x="419" y="336"/>
                      </a:lnTo>
                      <a:lnTo>
                        <a:pt x="423" y="323"/>
                      </a:lnTo>
                      <a:lnTo>
                        <a:pt x="428" y="310"/>
                      </a:lnTo>
                      <a:lnTo>
                        <a:pt x="432" y="295"/>
                      </a:lnTo>
                      <a:lnTo>
                        <a:pt x="436" y="278"/>
                      </a:lnTo>
                      <a:lnTo>
                        <a:pt x="438" y="266"/>
                      </a:lnTo>
                      <a:lnTo>
                        <a:pt x="439" y="256"/>
                      </a:lnTo>
                      <a:lnTo>
                        <a:pt x="438" y="264"/>
                      </a:lnTo>
                      <a:lnTo>
                        <a:pt x="436" y="278"/>
                      </a:lnTo>
                      <a:lnTo>
                        <a:pt x="433" y="290"/>
                      </a:lnTo>
                      <a:lnTo>
                        <a:pt x="431" y="301"/>
                      </a:lnTo>
                      <a:lnTo>
                        <a:pt x="428" y="311"/>
                      </a:lnTo>
                      <a:lnTo>
                        <a:pt x="423" y="323"/>
                      </a:lnTo>
                      <a:lnTo>
                        <a:pt x="420" y="333"/>
                      </a:lnTo>
                      <a:lnTo>
                        <a:pt x="417" y="340"/>
                      </a:lnTo>
                      <a:lnTo>
                        <a:pt x="413" y="348"/>
                      </a:lnTo>
                      <a:lnTo>
                        <a:pt x="419" y="337"/>
                      </a:lnTo>
                      <a:lnTo>
                        <a:pt x="431" y="301"/>
                      </a:lnTo>
                      <a:lnTo>
                        <a:pt x="433" y="293"/>
                      </a:lnTo>
                      <a:lnTo>
                        <a:pt x="430" y="306"/>
                      </a:lnTo>
                      <a:lnTo>
                        <a:pt x="425" y="319"/>
                      </a:lnTo>
                      <a:lnTo>
                        <a:pt x="421" y="330"/>
                      </a:lnTo>
                      <a:lnTo>
                        <a:pt x="417" y="340"/>
                      </a:lnTo>
                      <a:lnTo>
                        <a:pt x="412" y="349"/>
                      </a:lnTo>
                      <a:lnTo>
                        <a:pt x="408" y="358"/>
                      </a:lnTo>
                      <a:lnTo>
                        <a:pt x="401" y="369"/>
                      </a:lnTo>
                      <a:lnTo>
                        <a:pt x="395" y="377"/>
                      </a:lnTo>
                      <a:lnTo>
                        <a:pt x="385" y="391"/>
                      </a:lnTo>
                      <a:lnTo>
                        <a:pt x="375" y="402"/>
                      </a:lnTo>
                      <a:lnTo>
                        <a:pt x="364" y="413"/>
                      </a:lnTo>
                      <a:lnTo>
                        <a:pt x="354" y="423"/>
                      </a:lnTo>
                      <a:lnTo>
                        <a:pt x="344" y="431"/>
                      </a:lnTo>
                      <a:lnTo>
                        <a:pt x="335" y="436"/>
                      </a:lnTo>
                      <a:lnTo>
                        <a:pt x="324" y="444"/>
                      </a:lnTo>
                      <a:lnTo>
                        <a:pt x="315" y="450"/>
                      </a:lnTo>
                      <a:lnTo>
                        <a:pt x="307" y="454"/>
                      </a:lnTo>
                      <a:lnTo>
                        <a:pt x="289" y="462"/>
                      </a:lnTo>
                      <a:lnTo>
                        <a:pt x="298" y="458"/>
                      </a:lnTo>
                      <a:lnTo>
                        <a:pt x="309" y="452"/>
                      </a:lnTo>
                      <a:lnTo>
                        <a:pt x="318" y="448"/>
                      </a:lnTo>
                      <a:lnTo>
                        <a:pt x="327" y="442"/>
                      </a:lnTo>
                      <a:lnTo>
                        <a:pt x="341" y="433"/>
                      </a:lnTo>
                      <a:lnTo>
                        <a:pt x="348" y="427"/>
                      </a:lnTo>
                      <a:lnTo>
                        <a:pt x="357" y="420"/>
                      </a:lnTo>
                      <a:lnTo>
                        <a:pt x="360" y="418"/>
                      </a:lnTo>
                      <a:lnTo>
                        <a:pt x="358" y="420"/>
                      </a:lnTo>
                      <a:lnTo>
                        <a:pt x="353" y="423"/>
                      </a:lnTo>
                      <a:lnTo>
                        <a:pt x="344" y="431"/>
                      </a:lnTo>
                      <a:lnTo>
                        <a:pt x="337" y="436"/>
                      </a:lnTo>
                      <a:lnTo>
                        <a:pt x="332" y="440"/>
                      </a:lnTo>
                      <a:lnTo>
                        <a:pt x="327" y="442"/>
                      </a:lnTo>
                      <a:lnTo>
                        <a:pt x="324" y="444"/>
                      </a:lnTo>
                      <a:lnTo>
                        <a:pt x="323" y="445"/>
                      </a:lnTo>
                      <a:lnTo>
                        <a:pt x="332" y="440"/>
                      </a:lnTo>
                      <a:lnTo>
                        <a:pt x="335" y="438"/>
                      </a:lnTo>
                      <a:lnTo>
                        <a:pt x="345" y="430"/>
                      </a:lnTo>
                      <a:lnTo>
                        <a:pt x="326" y="443"/>
                      </a:lnTo>
                      <a:lnTo>
                        <a:pt x="317" y="448"/>
                      </a:lnTo>
                      <a:lnTo>
                        <a:pt x="306" y="454"/>
                      </a:lnTo>
                      <a:lnTo>
                        <a:pt x="309" y="452"/>
                      </a:lnTo>
                      <a:lnTo>
                        <a:pt x="320" y="446"/>
                      </a:lnTo>
                      <a:lnTo>
                        <a:pt x="334" y="439"/>
                      </a:lnTo>
                      <a:lnTo>
                        <a:pt x="345" y="430"/>
                      </a:lnTo>
                      <a:lnTo>
                        <a:pt x="358" y="420"/>
                      </a:lnTo>
                      <a:lnTo>
                        <a:pt x="367" y="410"/>
                      </a:lnTo>
                      <a:lnTo>
                        <a:pt x="370" y="408"/>
                      </a:lnTo>
                      <a:lnTo>
                        <a:pt x="351" y="425"/>
                      </a:lnTo>
                      <a:lnTo>
                        <a:pt x="328" y="442"/>
                      </a:lnTo>
                      <a:lnTo>
                        <a:pt x="315" y="450"/>
                      </a:lnTo>
                      <a:lnTo>
                        <a:pt x="306" y="454"/>
                      </a:lnTo>
                      <a:lnTo>
                        <a:pt x="291" y="461"/>
                      </a:lnTo>
                      <a:lnTo>
                        <a:pt x="284" y="464"/>
                      </a:lnTo>
                      <a:lnTo>
                        <a:pt x="272" y="468"/>
                      </a:lnTo>
                      <a:lnTo>
                        <a:pt x="269" y="469"/>
                      </a:lnTo>
                      <a:lnTo>
                        <a:pt x="267" y="469"/>
                      </a:lnTo>
                      <a:lnTo>
                        <a:pt x="250" y="473"/>
                      </a:lnTo>
                      <a:lnTo>
                        <a:pt x="232" y="477"/>
                      </a:lnTo>
                      <a:lnTo>
                        <a:pt x="230" y="477"/>
                      </a:lnTo>
                      <a:lnTo>
                        <a:pt x="232" y="477"/>
                      </a:lnTo>
                      <a:lnTo>
                        <a:pt x="213" y="479"/>
                      </a:lnTo>
                      <a:lnTo>
                        <a:pt x="215" y="479"/>
                      </a:lnTo>
                      <a:lnTo>
                        <a:pt x="220" y="478"/>
                      </a:lnTo>
                      <a:lnTo>
                        <a:pt x="228" y="478"/>
                      </a:lnTo>
                      <a:lnTo>
                        <a:pt x="234" y="477"/>
                      </a:lnTo>
                      <a:lnTo>
                        <a:pt x="246" y="474"/>
                      </a:lnTo>
                      <a:lnTo>
                        <a:pt x="252" y="473"/>
                      </a:lnTo>
                      <a:lnTo>
                        <a:pt x="260" y="471"/>
                      </a:lnTo>
                      <a:lnTo>
                        <a:pt x="269" y="469"/>
                      </a:lnTo>
                      <a:lnTo>
                        <a:pt x="280" y="465"/>
                      </a:lnTo>
                      <a:lnTo>
                        <a:pt x="265" y="470"/>
                      </a:lnTo>
                      <a:lnTo>
                        <a:pt x="249" y="473"/>
                      </a:lnTo>
                      <a:lnTo>
                        <a:pt x="233" y="477"/>
                      </a:lnTo>
                      <a:lnTo>
                        <a:pt x="213" y="479"/>
                      </a:lnTo>
                      <a:lnTo>
                        <a:pt x="199" y="479"/>
                      </a:lnTo>
                      <a:lnTo>
                        <a:pt x="180" y="478"/>
                      </a:lnTo>
                      <a:lnTo>
                        <a:pt x="163" y="477"/>
                      </a:lnTo>
                      <a:lnTo>
                        <a:pt x="153" y="474"/>
                      </a:lnTo>
                      <a:lnTo>
                        <a:pt x="141" y="472"/>
                      </a:lnTo>
                      <a:lnTo>
                        <a:pt x="133" y="470"/>
                      </a:lnTo>
                      <a:lnTo>
                        <a:pt x="120" y="465"/>
                      </a:lnTo>
                      <a:lnTo>
                        <a:pt x="101" y="458"/>
                      </a:lnTo>
                      <a:lnTo>
                        <a:pt x="86" y="450"/>
                      </a:lnTo>
                      <a:lnTo>
                        <a:pt x="66" y="439"/>
                      </a:lnTo>
                      <a:lnTo>
                        <a:pt x="48" y="424"/>
                      </a:lnTo>
                      <a:lnTo>
                        <a:pt x="24" y="403"/>
                      </a:lnTo>
                      <a:lnTo>
                        <a:pt x="40" y="418"/>
                      </a:lnTo>
                      <a:lnTo>
                        <a:pt x="63" y="436"/>
                      </a:lnTo>
                      <a:lnTo>
                        <a:pt x="93" y="454"/>
                      </a:lnTo>
                      <a:lnTo>
                        <a:pt x="113" y="462"/>
                      </a:lnTo>
                      <a:lnTo>
                        <a:pt x="136" y="470"/>
                      </a:lnTo>
                      <a:lnTo>
                        <a:pt x="141" y="471"/>
                      </a:lnTo>
                      <a:lnTo>
                        <a:pt x="138" y="471"/>
                      </a:lnTo>
                      <a:lnTo>
                        <a:pt x="134" y="470"/>
                      </a:lnTo>
                      <a:lnTo>
                        <a:pt x="119" y="465"/>
                      </a:lnTo>
                      <a:lnTo>
                        <a:pt x="93" y="454"/>
                      </a:lnTo>
                      <a:lnTo>
                        <a:pt x="55" y="430"/>
                      </a:lnTo>
                      <a:lnTo>
                        <a:pt x="19" y="397"/>
                      </a:lnTo>
                      <a:lnTo>
                        <a:pt x="0" y="373"/>
                      </a:lnTo>
                      <a:lnTo>
                        <a:pt x="28" y="406"/>
                      </a:lnTo>
                      <a:lnTo>
                        <a:pt x="88" y="451"/>
                      </a:lnTo>
                      <a:lnTo>
                        <a:pt x="141" y="472"/>
                      </a:lnTo>
                      <a:lnTo>
                        <a:pt x="186" y="479"/>
                      </a:lnTo>
                      <a:lnTo>
                        <a:pt x="204" y="479"/>
                      </a:lnTo>
                      <a:lnTo>
                        <a:pt x="202" y="479"/>
                      </a:lnTo>
                      <a:lnTo>
                        <a:pt x="210" y="478"/>
                      </a:lnTo>
                      <a:lnTo>
                        <a:pt x="230" y="427"/>
                      </a:lnTo>
                      <a:lnTo>
                        <a:pt x="243" y="341"/>
                      </a:lnTo>
                      <a:lnTo>
                        <a:pt x="239" y="259"/>
                      </a:lnTo>
                      <a:lnTo>
                        <a:pt x="243" y="176"/>
                      </a:lnTo>
                      <a:lnTo>
                        <a:pt x="179" y="76"/>
                      </a:lnTo>
                      <a:lnTo>
                        <a:pt x="124" y="35"/>
                      </a:lnTo>
                      <a:lnTo>
                        <a:pt x="113" y="16"/>
                      </a:lnTo>
                      <a:lnTo>
                        <a:pt x="105" y="19"/>
                      </a:lnTo>
                      <a:lnTo>
                        <a:pt x="202" y="0"/>
                      </a:lnTo>
                      <a:lnTo>
                        <a:pt x="270" y="10"/>
                      </a:lnTo>
                      <a:lnTo>
                        <a:pt x="322" y="33"/>
                      </a:lnTo>
                      <a:lnTo>
                        <a:pt x="334" y="42"/>
                      </a:lnTo>
                      <a:lnTo>
                        <a:pt x="393" y="98"/>
                      </a:lnTo>
                      <a:lnTo>
                        <a:pt x="427" y="164"/>
                      </a:lnTo>
                      <a:lnTo>
                        <a:pt x="411" y="125"/>
                      </a:lnTo>
                      <a:lnTo>
                        <a:pt x="381" y="83"/>
                      </a:lnTo>
                      <a:lnTo>
                        <a:pt x="341" y="46"/>
                      </a:lnTo>
                      <a:lnTo>
                        <a:pt x="308" y="26"/>
                      </a:lnTo>
                      <a:lnTo>
                        <a:pt x="297" y="20"/>
                      </a:lnTo>
                      <a:lnTo>
                        <a:pt x="295" y="19"/>
                      </a:lnTo>
                      <a:lnTo>
                        <a:pt x="296" y="20"/>
                      </a:lnTo>
                      <a:lnTo>
                        <a:pt x="313" y="28"/>
                      </a:lnTo>
                      <a:close/>
                    </a:path>
                  </a:pathLst>
                </a:custGeom>
                <a:solidFill>
                  <a:srgbClr val="FFF2D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6" name="Freeform 75">
                  <a:extLst>
                    <a:ext uri="{FF2B5EF4-FFF2-40B4-BE49-F238E27FC236}">
                      <a16:creationId xmlns:a16="http://schemas.microsoft.com/office/drawing/2014/main" id="{D8936F53-FDC4-48C0-B666-09CB03723C44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810" y="2700"/>
                  <a:ext cx="110" cy="120"/>
                </a:xfrm>
                <a:custGeom>
                  <a:avLst/>
                  <a:gdLst>
                    <a:gd name="T0" fmla="*/ 1 w 219"/>
                    <a:gd name="T1" fmla="*/ 1 h 239"/>
                    <a:gd name="T2" fmla="*/ 1 w 219"/>
                    <a:gd name="T3" fmla="*/ 1 h 239"/>
                    <a:gd name="T4" fmla="*/ 1 w 219"/>
                    <a:gd name="T5" fmla="*/ 1 h 239"/>
                    <a:gd name="T6" fmla="*/ 1 w 219"/>
                    <a:gd name="T7" fmla="*/ 1 h 239"/>
                    <a:gd name="T8" fmla="*/ 1 w 219"/>
                    <a:gd name="T9" fmla="*/ 1 h 239"/>
                    <a:gd name="T10" fmla="*/ 1 w 219"/>
                    <a:gd name="T11" fmla="*/ 1 h 239"/>
                    <a:gd name="T12" fmla="*/ 1 w 219"/>
                    <a:gd name="T13" fmla="*/ 1 h 239"/>
                    <a:gd name="T14" fmla="*/ 1 w 219"/>
                    <a:gd name="T15" fmla="*/ 1 h 239"/>
                    <a:gd name="T16" fmla="*/ 1 w 219"/>
                    <a:gd name="T17" fmla="*/ 1 h 239"/>
                    <a:gd name="T18" fmla="*/ 1 w 219"/>
                    <a:gd name="T19" fmla="*/ 1 h 239"/>
                    <a:gd name="T20" fmla="*/ 1 w 219"/>
                    <a:gd name="T21" fmla="*/ 1 h 239"/>
                    <a:gd name="T22" fmla="*/ 1 w 219"/>
                    <a:gd name="T23" fmla="*/ 1 h 239"/>
                    <a:gd name="T24" fmla="*/ 1 w 219"/>
                    <a:gd name="T25" fmla="*/ 1 h 239"/>
                    <a:gd name="T26" fmla="*/ 1 w 219"/>
                    <a:gd name="T27" fmla="*/ 1 h 239"/>
                    <a:gd name="T28" fmla="*/ 1 w 219"/>
                    <a:gd name="T29" fmla="*/ 1 h 239"/>
                    <a:gd name="T30" fmla="*/ 1 w 219"/>
                    <a:gd name="T31" fmla="*/ 1 h 239"/>
                    <a:gd name="T32" fmla="*/ 1 w 219"/>
                    <a:gd name="T33" fmla="*/ 1 h 239"/>
                    <a:gd name="T34" fmla="*/ 1 w 219"/>
                    <a:gd name="T35" fmla="*/ 1 h 239"/>
                    <a:gd name="T36" fmla="*/ 1 w 219"/>
                    <a:gd name="T37" fmla="*/ 1 h 239"/>
                    <a:gd name="T38" fmla="*/ 1 w 219"/>
                    <a:gd name="T39" fmla="*/ 1 h 239"/>
                    <a:gd name="T40" fmla="*/ 1 w 219"/>
                    <a:gd name="T41" fmla="*/ 1 h 239"/>
                    <a:gd name="T42" fmla="*/ 1 w 219"/>
                    <a:gd name="T43" fmla="*/ 1 h 239"/>
                    <a:gd name="T44" fmla="*/ 1 w 219"/>
                    <a:gd name="T45" fmla="*/ 1 h 239"/>
                    <a:gd name="T46" fmla="*/ 1 w 219"/>
                    <a:gd name="T47" fmla="*/ 1 h 239"/>
                    <a:gd name="T48" fmla="*/ 1 w 219"/>
                    <a:gd name="T49" fmla="*/ 1 h 239"/>
                    <a:gd name="T50" fmla="*/ 1 w 219"/>
                    <a:gd name="T51" fmla="*/ 1 h 239"/>
                    <a:gd name="T52" fmla="*/ 1 w 219"/>
                    <a:gd name="T53" fmla="*/ 1 h 239"/>
                    <a:gd name="T54" fmla="*/ 1 w 219"/>
                    <a:gd name="T55" fmla="*/ 1 h 239"/>
                    <a:gd name="T56" fmla="*/ 1 w 219"/>
                    <a:gd name="T57" fmla="*/ 1 h 239"/>
                    <a:gd name="T58" fmla="*/ 1 w 219"/>
                    <a:gd name="T59" fmla="*/ 1 h 239"/>
                    <a:gd name="T60" fmla="*/ 1 w 219"/>
                    <a:gd name="T61" fmla="*/ 1 h 239"/>
                    <a:gd name="T62" fmla="*/ 1 w 219"/>
                    <a:gd name="T63" fmla="*/ 1 h 239"/>
                    <a:gd name="T64" fmla="*/ 1 w 219"/>
                    <a:gd name="T65" fmla="*/ 1 h 239"/>
                    <a:gd name="T66" fmla="*/ 1 w 219"/>
                    <a:gd name="T67" fmla="*/ 1 h 239"/>
                    <a:gd name="T68" fmla="*/ 1 w 219"/>
                    <a:gd name="T69" fmla="*/ 1 h 239"/>
                    <a:gd name="T70" fmla="*/ 1 w 219"/>
                    <a:gd name="T71" fmla="*/ 1 h 239"/>
                    <a:gd name="T72" fmla="*/ 1 w 219"/>
                    <a:gd name="T73" fmla="*/ 1 h 239"/>
                    <a:gd name="T74" fmla="*/ 1 w 219"/>
                    <a:gd name="T75" fmla="*/ 1 h 239"/>
                    <a:gd name="T76" fmla="*/ 1 w 219"/>
                    <a:gd name="T77" fmla="*/ 1 h 239"/>
                    <a:gd name="T78" fmla="*/ 1 w 219"/>
                    <a:gd name="T79" fmla="*/ 1 h 239"/>
                    <a:gd name="T80" fmla="*/ 1 w 219"/>
                    <a:gd name="T81" fmla="*/ 1 h 239"/>
                    <a:gd name="T82" fmla="*/ 1 w 219"/>
                    <a:gd name="T83" fmla="*/ 1 h 239"/>
                    <a:gd name="T84" fmla="*/ 1 w 219"/>
                    <a:gd name="T85" fmla="*/ 1 h 239"/>
                    <a:gd name="T86" fmla="*/ 1 w 219"/>
                    <a:gd name="T87" fmla="*/ 1 h 239"/>
                    <a:gd name="T88" fmla="*/ 1 w 219"/>
                    <a:gd name="T89" fmla="*/ 1 h 239"/>
                    <a:gd name="T90" fmla="*/ 1 w 219"/>
                    <a:gd name="T91" fmla="*/ 1 h 239"/>
                    <a:gd name="T92" fmla="*/ 1 w 219"/>
                    <a:gd name="T93" fmla="*/ 1 h 239"/>
                    <a:gd name="T94" fmla="*/ 1 w 219"/>
                    <a:gd name="T95" fmla="*/ 1 h 239"/>
                    <a:gd name="T96" fmla="*/ 1 w 219"/>
                    <a:gd name="T97" fmla="*/ 1 h 239"/>
                    <a:gd name="T98" fmla="*/ 1 w 219"/>
                    <a:gd name="T99" fmla="*/ 1 h 239"/>
                    <a:gd name="T100" fmla="*/ 1 w 219"/>
                    <a:gd name="T101" fmla="*/ 1 h 239"/>
                    <a:gd name="T102" fmla="*/ 1 w 219"/>
                    <a:gd name="T103" fmla="*/ 1 h 239"/>
                    <a:gd name="T104" fmla="*/ 1 w 219"/>
                    <a:gd name="T105" fmla="*/ 1 h 239"/>
                    <a:gd name="T106" fmla="*/ 1 w 219"/>
                    <a:gd name="T107" fmla="*/ 0 h 239"/>
                    <a:gd name="T108" fmla="*/ 1 w 219"/>
                    <a:gd name="T109" fmla="*/ 1 h 239"/>
                    <a:gd name="T110" fmla="*/ 1 w 219"/>
                    <a:gd name="T111" fmla="*/ 1 h 239"/>
                    <a:gd name="T112" fmla="*/ 1 w 219"/>
                    <a:gd name="T113" fmla="*/ 1 h 239"/>
                    <a:gd name="T114" fmla="*/ 1 w 219"/>
                    <a:gd name="T115" fmla="*/ 1 h 239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  <a:gd name="T171" fmla="*/ 0 60000 65536"/>
                    <a:gd name="T172" fmla="*/ 0 60000 65536"/>
                    <a:gd name="T173" fmla="*/ 0 60000 65536"/>
                  </a:gdLst>
                  <a:ahLst/>
                  <a:cxnLst>
                    <a:cxn ang="T116">
                      <a:pos x="T0" y="T1"/>
                    </a:cxn>
                    <a:cxn ang="T117">
                      <a:pos x="T2" y="T3"/>
                    </a:cxn>
                    <a:cxn ang="T118">
                      <a:pos x="T4" y="T5"/>
                    </a:cxn>
                    <a:cxn ang="T119">
                      <a:pos x="T6" y="T7"/>
                    </a:cxn>
                    <a:cxn ang="T120">
                      <a:pos x="T8" y="T9"/>
                    </a:cxn>
                    <a:cxn ang="T121">
                      <a:pos x="T10" y="T11"/>
                    </a:cxn>
                    <a:cxn ang="T122">
                      <a:pos x="T12" y="T13"/>
                    </a:cxn>
                    <a:cxn ang="T123">
                      <a:pos x="T14" y="T15"/>
                    </a:cxn>
                    <a:cxn ang="T124">
                      <a:pos x="T16" y="T17"/>
                    </a:cxn>
                    <a:cxn ang="T125">
                      <a:pos x="T18" y="T19"/>
                    </a:cxn>
                    <a:cxn ang="T126">
                      <a:pos x="T20" y="T21"/>
                    </a:cxn>
                    <a:cxn ang="T127">
                      <a:pos x="T22" y="T23"/>
                    </a:cxn>
                    <a:cxn ang="T128">
                      <a:pos x="T24" y="T25"/>
                    </a:cxn>
                    <a:cxn ang="T129">
                      <a:pos x="T26" y="T27"/>
                    </a:cxn>
                    <a:cxn ang="T130">
                      <a:pos x="T28" y="T29"/>
                    </a:cxn>
                    <a:cxn ang="T131">
                      <a:pos x="T30" y="T31"/>
                    </a:cxn>
                    <a:cxn ang="T132">
                      <a:pos x="T32" y="T33"/>
                    </a:cxn>
                    <a:cxn ang="T133">
                      <a:pos x="T34" y="T35"/>
                    </a:cxn>
                    <a:cxn ang="T134">
                      <a:pos x="T36" y="T37"/>
                    </a:cxn>
                    <a:cxn ang="T135">
                      <a:pos x="T38" y="T39"/>
                    </a:cxn>
                    <a:cxn ang="T136">
                      <a:pos x="T40" y="T41"/>
                    </a:cxn>
                    <a:cxn ang="T137">
                      <a:pos x="T42" y="T43"/>
                    </a:cxn>
                    <a:cxn ang="T138">
                      <a:pos x="T44" y="T45"/>
                    </a:cxn>
                    <a:cxn ang="T139">
                      <a:pos x="T46" y="T47"/>
                    </a:cxn>
                    <a:cxn ang="T140">
                      <a:pos x="T48" y="T49"/>
                    </a:cxn>
                    <a:cxn ang="T141">
                      <a:pos x="T50" y="T51"/>
                    </a:cxn>
                    <a:cxn ang="T142">
                      <a:pos x="T52" y="T53"/>
                    </a:cxn>
                    <a:cxn ang="T143">
                      <a:pos x="T54" y="T55"/>
                    </a:cxn>
                    <a:cxn ang="T144">
                      <a:pos x="T56" y="T57"/>
                    </a:cxn>
                    <a:cxn ang="T145">
                      <a:pos x="T58" y="T59"/>
                    </a:cxn>
                    <a:cxn ang="T146">
                      <a:pos x="T60" y="T61"/>
                    </a:cxn>
                    <a:cxn ang="T147">
                      <a:pos x="T62" y="T63"/>
                    </a:cxn>
                    <a:cxn ang="T148">
                      <a:pos x="T64" y="T65"/>
                    </a:cxn>
                    <a:cxn ang="T149">
                      <a:pos x="T66" y="T67"/>
                    </a:cxn>
                    <a:cxn ang="T150">
                      <a:pos x="T68" y="T69"/>
                    </a:cxn>
                    <a:cxn ang="T151">
                      <a:pos x="T70" y="T71"/>
                    </a:cxn>
                    <a:cxn ang="T152">
                      <a:pos x="T72" y="T73"/>
                    </a:cxn>
                    <a:cxn ang="T153">
                      <a:pos x="T74" y="T75"/>
                    </a:cxn>
                    <a:cxn ang="T154">
                      <a:pos x="T76" y="T77"/>
                    </a:cxn>
                    <a:cxn ang="T155">
                      <a:pos x="T78" y="T79"/>
                    </a:cxn>
                    <a:cxn ang="T156">
                      <a:pos x="T80" y="T81"/>
                    </a:cxn>
                    <a:cxn ang="T157">
                      <a:pos x="T82" y="T83"/>
                    </a:cxn>
                    <a:cxn ang="T158">
                      <a:pos x="T84" y="T85"/>
                    </a:cxn>
                    <a:cxn ang="T159">
                      <a:pos x="T86" y="T87"/>
                    </a:cxn>
                    <a:cxn ang="T160">
                      <a:pos x="T88" y="T89"/>
                    </a:cxn>
                    <a:cxn ang="T161">
                      <a:pos x="T90" y="T91"/>
                    </a:cxn>
                    <a:cxn ang="T162">
                      <a:pos x="T92" y="T93"/>
                    </a:cxn>
                    <a:cxn ang="T163">
                      <a:pos x="T94" y="T95"/>
                    </a:cxn>
                    <a:cxn ang="T164">
                      <a:pos x="T96" y="T97"/>
                    </a:cxn>
                    <a:cxn ang="T165">
                      <a:pos x="T98" y="T99"/>
                    </a:cxn>
                    <a:cxn ang="T166">
                      <a:pos x="T100" y="T101"/>
                    </a:cxn>
                    <a:cxn ang="T167">
                      <a:pos x="T102" y="T103"/>
                    </a:cxn>
                    <a:cxn ang="T168">
                      <a:pos x="T104" y="T105"/>
                    </a:cxn>
                    <a:cxn ang="T169">
                      <a:pos x="T106" y="T107"/>
                    </a:cxn>
                    <a:cxn ang="T170">
                      <a:pos x="T108" y="T109"/>
                    </a:cxn>
                    <a:cxn ang="T171">
                      <a:pos x="T110" y="T111"/>
                    </a:cxn>
                    <a:cxn ang="T172">
                      <a:pos x="T112" y="T113"/>
                    </a:cxn>
                    <a:cxn ang="T173">
                      <a:pos x="T114" y="T115"/>
                    </a:cxn>
                  </a:cxnLst>
                  <a:rect l="0" t="0" r="r" b="b"/>
                  <a:pathLst>
                    <a:path w="219" h="239">
                      <a:moveTo>
                        <a:pt x="156" y="14"/>
                      </a:moveTo>
                      <a:lnTo>
                        <a:pt x="165" y="19"/>
                      </a:lnTo>
                      <a:lnTo>
                        <a:pt x="175" y="26"/>
                      </a:lnTo>
                      <a:lnTo>
                        <a:pt x="184" y="33"/>
                      </a:lnTo>
                      <a:lnTo>
                        <a:pt x="193" y="44"/>
                      </a:lnTo>
                      <a:lnTo>
                        <a:pt x="200" y="55"/>
                      </a:lnTo>
                      <a:lnTo>
                        <a:pt x="208" y="68"/>
                      </a:lnTo>
                      <a:lnTo>
                        <a:pt x="213" y="82"/>
                      </a:lnTo>
                      <a:lnTo>
                        <a:pt x="217" y="96"/>
                      </a:lnTo>
                      <a:lnTo>
                        <a:pt x="219" y="111"/>
                      </a:lnTo>
                      <a:lnTo>
                        <a:pt x="219" y="123"/>
                      </a:lnTo>
                      <a:lnTo>
                        <a:pt x="217" y="141"/>
                      </a:lnTo>
                      <a:lnTo>
                        <a:pt x="218" y="134"/>
                      </a:lnTo>
                      <a:lnTo>
                        <a:pt x="219" y="125"/>
                      </a:lnTo>
                      <a:lnTo>
                        <a:pt x="219" y="114"/>
                      </a:lnTo>
                      <a:lnTo>
                        <a:pt x="218" y="104"/>
                      </a:lnTo>
                      <a:lnTo>
                        <a:pt x="215" y="87"/>
                      </a:lnTo>
                      <a:lnTo>
                        <a:pt x="217" y="97"/>
                      </a:lnTo>
                      <a:lnTo>
                        <a:pt x="219" y="109"/>
                      </a:lnTo>
                      <a:lnTo>
                        <a:pt x="219" y="121"/>
                      </a:lnTo>
                      <a:lnTo>
                        <a:pt x="219" y="131"/>
                      </a:lnTo>
                      <a:lnTo>
                        <a:pt x="218" y="139"/>
                      </a:lnTo>
                      <a:lnTo>
                        <a:pt x="216" y="146"/>
                      </a:lnTo>
                      <a:lnTo>
                        <a:pt x="214" y="155"/>
                      </a:lnTo>
                      <a:lnTo>
                        <a:pt x="212" y="163"/>
                      </a:lnTo>
                      <a:lnTo>
                        <a:pt x="205" y="178"/>
                      </a:lnTo>
                      <a:lnTo>
                        <a:pt x="207" y="173"/>
                      </a:lnTo>
                      <a:lnTo>
                        <a:pt x="209" y="168"/>
                      </a:lnTo>
                      <a:lnTo>
                        <a:pt x="212" y="162"/>
                      </a:lnTo>
                      <a:lnTo>
                        <a:pt x="214" y="155"/>
                      </a:lnTo>
                      <a:lnTo>
                        <a:pt x="216" y="148"/>
                      </a:lnTo>
                      <a:lnTo>
                        <a:pt x="218" y="139"/>
                      </a:lnTo>
                      <a:lnTo>
                        <a:pt x="218" y="133"/>
                      </a:lnTo>
                      <a:lnTo>
                        <a:pt x="219" y="129"/>
                      </a:lnTo>
                      <a:lnTo>
                        <a:pt x="218" y="132"/>
                      </a:lnTo>
                      <a:lnTo>
                        <a:pt x="218" y="139"/>
                      </a:lnTo>
                      <a:lnTo>
                        <a:pt x="217" y="145"/>
                      </a:lnTo>
                      <a:lnTo>
                        <a:pt x="215" y="150"/>
                      </a:lnTo>
                      <a:lnTo>
                        <a:pt x="214" y="155"/>
                      </a:lnTo>
                      <a:lnTo>
                        <a:pt x="212" y="162"/>
                      </a:lnTo>
                      <a:lnTo>
                        <a:pt x="209" y="167"/>
                      </a:lnTo>
                      <a:lnTo>
                        <a:pt x="208" y="170"/>
                      </a:lnTo>
                      <a:lnTo>
                        <a:pt x="206" y="174"/>
                      </a:lnTo>
                      <a:lnTo>
                        <a:pt x="209" y="168"/>
                      </a:lnTo>
                      <a:lnTo>
                        <a:pt x="215" y="151"/>
                      </a:lnTo>
                      <a:lnTo>
                        <a:pt x="216" y="146"/>
                      </a:lnTo>
                      <a:lnTo>
                        <a:pt x="215" y="153"/>
                      </a:lnTo>
                      <a:lnTo>
                        <a:pt x="213" y="159"/>
                      </a:lnTo>
                      <a:lnTo>
                        <a:pt x="210" y="165"/>
                      </a:lnTo>
                      <a:lnTo>
                        <a:pt x="208" y="170"/>
                      </a:lnTo>
                      <a:lnTo>
                        <a:pt x="206" y="174"/>
                      </a:lnTo>
                      <a:lnTo>
                        <a:pt x="204" y="179"/>
                      </a:lnTo>
                      <a:lnTo>
                        <a:pt x="200" y="184"/>
                      </a:lnTo>
                      <a:lnTo>
                        <a:pt x="197" y="189"/>
                      </a:lnTo>
                      <a:lnTo>
                        <a:pt x="193" y="194"/>
                      </a:lnTo>
                      <a:lnTo>
                        <a:pt x="188" y="201"/>
                      </a:lnTo>
                      <a:lnTo>
                        <a:pt x="182" y="207"/>
                      </a:lnTo>
                      <a:lnTo>
                        <a:pt x="177" y="211"/>
                      </a:lnTo>
                      <a:lnTo>
                        <a:pt x="172" y="215"/>
                      </a:lnTo>
                      <a:lnTo>
                        <a:pt x="168" y="218"/>
                      </a:lnTo>
                      <a:lnTo>
                        <a:pt x="162" y="221"/>
                      </a:lnTo>
                      <a:lnTo>
                        <a:pt x="157" y="225"/>
                      </a:lnTo>
                      <a:lnTo>
                        <a:pt x="153" y="227"/>
                      </a:lnTo>
                      <a:lnTo>
                        <a:pt x="144" y="230"/>
                      </a:lnTo>
                      <a:lnTo>
                        <a:pt x="149" y="229"/>
                      </a:lnTo>
                      <a:lnTo>
                        <a:pt x="155" y="226"/>
                      </a:lnTo>
                      <a:lnTo>
                        <a:pt x="159" y="224"/>
                      </a:lnTo>
                      <a:lnTo>
                        <a:pt x="163" y="220"/>
                      </a:lnTo>
                      <a:lnTo>
                        <a:pt x="170" y="216"/>
                      </a:lnTo>
                      <a:lnTo>
                        <a:pt x="174" y="213"/>
                      </a:lnTo>
                      <a:lnTo>
                        <a:pt x="178" y="210"/>
                      </a:lnTo>
                      <a:lnTo>
                        <a:pt x="179" y="209"/>
                      </a:lnTo>
                      <a:lnTo>
                        <a:pt x="176" y="211"/>
                      </a:lnTo>
                      <a:lnTo>
                        <a:pt x="172" y="215"/>
                      </a:lnTo>
                      <a:lnTo>
                        <a:pt x="168" y="218"/>
                      </a:lnTo>
                      <a:lnTo>
                        <a:pt x="166" y="219"/>
                      </a:lnTo>
                      <a:lnTo>
                        <a:pt x="163" y="220"/>
                      </a:lnTo>
                      <a:lnTo>
                        <a:pt x="161" y="222"/>
                      </a:lnTo>
                      <a:lnTo>
                        <a:pt x="166" y="219"/>
                      </a:lnTo>
                      <a:lnTo>
                        <a:pt x="167" y="218"/>
                      </a:lnTo>
                      <a:lnTo>
                        <a:pt x="172" y="215"/>
                      </a:lnTo>
                      <a:lnTo>
                        <a:pt x="162" y="221"/>
                      </a:lnTo>
                      <a:lnTo>
                        <a:pt x="159" y="224"/>
                      </a:lnTo>
                      <a:lnTo>
                        <a:pt x="153" y="227"/>
                      </a:lnTo>
                      <a:lnTo>
                        <a:pt x="155" y="226"/>
                      </a:lnTo>
                      <a:lnTo>
                        <a:pt x="160" y="224"/>
                      </a:lnTo>
                      <a:lnTo>
                        <a:pt x="167" y="219"/>
                      </a:lnTo>
                      <a:lnTo>
                        <a:pt x="172" y="215"/>
                      </a:lnTo>
                      <a:lnTo>
                        <a:pt x="179" y="209"/>
                      </a:lnTo>
                      <a:lnTo>
                        <a:pt x="184" y="205"/>
                      </a:lnTo>
                      <a:lnTo>
                        <a:pt x="185" y="203"/>
                      </a:lnTo>
                      <a:lnTo>
                        <a:pt x="176" y="212"/>
                      </a:lnTo>
                      <a:lnTo>
                        <a:pt x="163" y="220"/>
                      </a:lnTo>
                      <a:lnTo>
                        <a:pt x="158" y="225"/>
                      </a:lnTo>
                      <a:lnTo>
                        <a:pt x="153" y="227"/>
                      </a:lnTo>
                      <a:lnTo>
                        <a:pt x="146" y="230"/>
                      </a:lnTo>
                      <a:lnTo>
                        <a:pt x="141" y="231"/>
                      </a:lnTo>
                      <a:lnTo>
                        <a:pt x="136" y="234"/>
                      </a:lnTo>
                      <a:lnTo>
                        <a:pt x="134" y="234"/>
                      </a:lnTo>
                      <a:lnTo>
                        <a:pt x="133" y="235"/>
                      </a:lnTo>
                      <a:lnTo>
                        <a:pt x="124" y="237"/>
                      </a:lnTo>
                      <a:lnTo>
                        <a:pt x="117" y="238"/>
                      </a:lnTo>
                      <a:lnTo>
                        <a:pt x="115" y="238"/>
                      </a:lnTo>
                      <a:lnTo>
                        <a:pt x="106" y="239"/>
                      </a:lnTo>
                      <a:lnTo>
                        <a:pt x="108" y="239"/>
                      </a:lnTo>
                      <a:lnTo>
                        <a:pt x="110" y="239"/>
                      </a:lnTo>
                      <a:lnTo>
                        <a:pt x="113" y="238"/>
                      </a:lnTo>
                      <a:lnTo>
                        <a:pt x="118" y="238"/>
                      </a:lnTo>
                      <a:lnTo>
                        <a:pt x="122" y="237"/>
                      </a:lnTo>
                      <a:lnTo>
                        <a:pt x="125" y="236"/>
                      </a:lnTo>
                      <a:lnTo>
                        <a:pt x="130" y="236"/>
                      </a:lnTo>
                      <a:lnTo>
                        <a:pt x="134" y="234"/>
                      </a:lnTo>
                      <a:lnTo>
                        <a:pt x="140" y="233"/>
                      </a:lnTo>
                      <a:lnTo>
                        <a:pt x="132" y="235"/>
                      </a:lnTo>
                      <a:lnTo>
                        <a:pt x="124" y="237"/>
                      </a:lnTo>
                      <a:lnTo>
                        <a:pt x="117" y="238"/>
                      </a:lnTo>
                      <a:lnTo>
                        <a:pt x="106" y="239"/>
                      </a:lnTo>
                      <a:lnTo>
                        <a:pt x="100" y="239"/>
                      </a:lnTo>
                      <a:lnTo>
                        <a:pt x="90" y="239"/>
                      </a:lnTo>
                      <a:lnTo>
                        <a:pt x="81" y="238"/>
                      </a:lnTo>
                      <a:lnTo>
                        <a:pt x="76" y="237"/>
                      </a:lnTo>
                      <a:lnTo>
                        <a:pt x="71" y="236"/>
                      </a:lnTo>
                      <a:lnTo>
                        <a:pt x="66" y="235"/>
                      </a:lnTo>
                      <a:lnTo>
                        <a:pt x="60" y="233"/>
                      </a:lnTo>
                      <a:lnTo>
                        <a:pt x="51" y="229"/>
                      </a:lnTo>
                      <a:lnTo>
                        <a:pt x="43" y="225"/>
                      </a:lnTo>
                      <a:lnTo>
                        <a:pt x="33" y="219"/>
                      </a:lnTo>
                      <a:lnTo>
                        <a:pt x="24" y="212"/>
                      </a:lnTo>
                      <a:lnTo>
                        <a:pt x="13" y="201"/>
                      </a:lnTo>
                      <a:lnTo>
                        <a:pt x="20" y="209"/>
                      </a:lnTo>
                      <a:lnTo>
                        <a:pt x="32" y="218"/>
                      </a:lnTo>
                      <a:lnTo>
                        <a:pt x="46" y="227"/>
                      </a:lnTo>
                      <a:lnTo>
                        <a:pt x="56" y="231"/>
                      </a:lnTo>
                      <a:lnTo>
                        <a:pt x="67" y="235"/>
                      </a:lnTo>
                      <a:lnTo>
                        <a:pt x="70" y="236"/>
                      </a:lnTo>
                      <a:lnTo>
                        <a:pt x="67" y="235"/>
                      </a:lnTo>
                      <a:lnTo>
                        <a:pt x="60" y="233"/>
                      </a:lnTo>
                      <a:lnTo>
                        <a:pt x="46" y="227"/>
                      </a:lnTo>
                      <a:lnTo>
                        <a:pt x="27" y="215"/>
                      </a:lnTo>
                      <a:lnTo>
                        <a:pt x="9" y="198"/>
                      </a:lnTo>
                      <a:lnTo>
                        <a:pt x="0" y="186"/>
                      </a:lnTo>
                      <a:lnTo>
                        <a:pt x="14" y="203"/>
                      </a:lnTo>
                      <a:lnTo>
                        <a:pt x="44" y="226"/>
                      </a:lnTo>
                      <a:lnTo>
                        <a:pt x="71" y="236"/>
                      </a:lnTo>
                      <a:lnTo>
                        <a:pt x="93" y="239"/>
                      </a:lnTo>
                      <a:lnTo>
                        <a:pt x="102" y="239"/>
                      </a:lnTo>
                      <a:lnTo>
                        <a:pt x="101" y="239"/>
                      </a:lnTo>
                      <a:lnTo>
                        <a:pt x="119" y="238"/>
                      </a:lnTo>
                      <a:lnTo>
                        <a:pt x="142" y="231"/>
                      </a:lnTo>
                      <a:lnTo>
                        <a:pt x="143" y="221"/>
                      </a:lnTo>
                      <a:lnTo>
                        <a:pt x="139" y="139"/>
                      </a:lnTo>
                      <a:lnTo>
                        <a:pt x="143" y="56"/>
                      </a:lnTo>
                      <a:lnTo>
                        <a:pt x="108" y="0"/>
                      </a:lnTo>
                      <a:lnTo>
                        <a:pt x="84" y="1"/>
                      </a:lnTo>
                      <a:lnTo>
                        <a:pt x="58" y="8"/>
                      </a:lnTo>
                      <a:lnTo>
                        <a:pt x="52" y="10"/>
                      </a:lnTo>
                      <a:lnTo>
                        <a:pt x="101" y="0"/>
                      </a:lnTo>
                      <a:lnTo>
                        <a:pt x="167" y="20"/>
                      </a:lnTo>
                      <a:lnTo>
                        <a:pt x="197" y="48"/>
                      </a:lnTo>
                      <a:lnTo>
                        <a:pt x="214" y="82"/>
                      </a:lnTo>
                      <a:lnTo>
                        <a:pt x="205" y="63"/>
                      </a:lnTo>
                      <a:lnTo>
                        <a:pt x="190" y="41"/>
                      </a:lnTo>
                      <a:lnTo>
                        <a:pt x="170" y="23"/>
                      </a:lnTo>
                      <a:lnTo>
                        <a:pt x="153" y="12"/>
                      </a:lnTo>
                      <a:lnTo>
                        <a:pt x="148" y="10"/>
                      </a:lnTo>
                      <a:lnTo>
                        <a:pt x="147" y="10"/>
                      </a:lnTo>
                      <a:lnTo>
                        <a:pt x="148" y="10"/>
                      </a:lnTo>
                      <a:lnTo>
                        <a:pt x="156" y="14"/>
                      </a:lnTo>
                      <a:close/>
                    </a:path>
                  </a:pathLst>
                </a:custGeom>
                <a:solidFill>
                  <a:srgbClr val="FFFFF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7" name="Freeform 76">
                  <a:extLst>
                    <a:ext uri="{FF2B5EF4-FFF2-40B4-BE49-F238E27FC236}">
                      <a16:creationId xmlns:a16="http://schemas.microsoft.com/office/drawing/2014/main" id="{BFEA40AB-F91E-4A5A-A72A-3B876E469CB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2352"/>
                  <a:ext cx="1180" cy="1236"/>
                </a:xfrm>
                <a:custGeom>
                  <a:avLst/>
                  <a:gdLst>
                    <a:gd name="T0" fmla="*/ 1 w 2360"/>
                    <a:gd name="T1" fmla="*/ 0 h 2473"/>
                    <a:gd name="T2" fmla="*/ 1 w 2360"/>
                    <a:gd name="T3" fmla="*/ 0 h 2473"/>
                    <a:gd name="T4" fmla="*/ 1 w 2360"/>
                    <a:gd name="T5" fmla="*/ 0 h 2473"/>
                    <a:gd name="T6" fmla="*/ 1 w 2360"/>
                    <a:gd name="T7" fmla="*/ 0 h 2473"/>
                    <a:gd name="T8" fmla="*/ 1 w 2360"/>
                    <a:gd name="T9" fmla="*/ 0 h 2473"/>
                    <a:gd name="T10" fmla="*/ 1 w 2360"/>
                    <a:gd name="T11" fmla="*/ 0 h 2473"/>
                    <a:gd name="T12" fmla="*/ 1 w 2360"/>
                    <a:gd name="T13" fmla="*/ 0 h 2473"/>
                    <a:gd name="T14" fmla="*/ 1 w 2360"/>
                    <a:gd name="T15" fmla="*/ 0 h 2473"/>
                    <a:gd name="T16" fmla="*/ 1 w 2360"/>
                    <a:gd name="T17" fmla="*/ 0 h 2473"/>
                    <a:gd name="T18" fmla="*/ 1 w 2360"/>
                    <a:gd name="T19" fmla="*/ 0 h 2473"/>
                    <a:gd name="T20" fmla="*/ 1 w 2360"/>
                    <a:gd name="T21" fmla="*/ 0 h 2473"/>
                    <a:gd name="T22" fmla="*/ 1 w 2360"/>
                    <a:gd name="T23" fmla="*/ 0 h 2473"/>
                    <a:gd name="T24" fmla="*/ 1 w 2360"/>
                    <a:gd name="T25" fmla="*/ 0 h 2473"/>
                    <a:gd name="T26" fmla="*/ 1 w 2360"/>
                    <a:gd name="T27" fmla="*/ 0 h 2473"/>
                    <a:gd name="T28" fmla="*/ 1 w 2360"/>
                    <a:gd name="T29" fmla="*/ 0 h 2473"/>
                    <a:gd name="T30" fmla="*/ 1 w 2360"/>
                    <a:gd name="T31" fmla="*/ 0 h 2473"/>
                    <a:gd name="T32" fmla="*/ 1 w 2360"/>
                    <a:gd name="T33" fmla="*/ 0 h 2473"/>
                    <a:gd name="T34" fmla="*/ 1 w 2360"/>
                    <a:gd name="T35" fmla="*/ 0 h 2473"/>
                    <a:gd name="T36" fmla="*/ 1 w 2360"/>
                    <a:gd name="T37" fmla="*/ 0 h 2473"/>
                    <a:gd name="T38" fmla="*/ 1 w 2360"/>
                    <a:gd name="T39" fmla="*/ 0 h 2473"/>
                    <a:gd name="T40" fmla="*/ 1 w 2360"/>
                    <a:gd name="T41" fmla="*/ 0 h 2473"/>
                    <a:gd name="T42" fmla="*/ 1 w 2360"/>
                    <a:gd name="T43" fmla="*/ 0 h 2473"/>
                    <a:gd name="T44" fmla="*/ 1 w 2360"/>
                    <a:gd name="T45" fmla="*/ 0 h 2473"/>
                    <a:gd name="T46" fmla="*/ 1 w 2360"/>
                    <a:gd name="T47" fmla="*/ 0 h 2473"/>
                    <a:gd name="T48" fmla="*/ 1 w 2360"/>
                    <a:gd name="T49" fmla="*/ 0 h 2473"/>
                    <a:gd name="T50" fmla="*/ 1 w 2360"/>
                    <a:gd name="T51" fmla="*/ 0 h 2473"/>
                    <a:gd name="T52" fmla="*/ 1 w 2360"/>
                    <a:gd name="T53" fmla="*/ 0 h 2473"/>
                    <a:gd name="T54" fmla="*/ 1 w 2360"/>
                    <a:gd name="T55" fmla="*/ 0 h 2473"/>
                    <a:gd name="T56" fmla="*/ 1 w 2360"/>
                    <a:gd name="T57" fmla="*/ 0 h 2473"/>
                    <a:gd name="T58" fmla="*/ 1 w 2360"/>
                    <a:gd name="T59" fmla="*/ 0 h 2473"/>
                    <a:gd name="T60" fmla="*/ 1 w 2360"/>
                    <a:gd name="T61" fmla="*/ 0 h 2473"/>
                    <a:gd name="T62" fmla="*/ 1 w 2360"/>
                    <a:gd name="T63" fmla="*/ 0 h 2473"/>
                    <a:gd name="T64" fmla="*/ 1 w 2360"/>
                    <a:gd name="T65" fmla="*/ 0 h 2473"/>
                    <a:gd name="T66" fmla="*/ 1 w 2360"/>
                    <a:gd name="T67" fmla="*/ 0 h 2473"/>
                    <a:gd name="T68" fmla="*/ 1 w 2360"/>
                    <a:gd name="T69" fmla="*/ 0 h 2473"/>
                    <a:gd name="T70" fmla="*/ 1 w 2360"/>
                    <a:gd name="T71" fmla="*/ 0 h 2473"/>
                    <a:gd name="T72" fmla="*/ 1 w 2360"/>
                    <a:gd name="T73" fmla="*/ 0 h 2473"/>
                    <a:gd name="T74" fmla="*/ 1 w 2360"/>
                    <a:gd name="T75" fmla="*/ 0 h 2473"/>
                    <a:gd name="T76" fmla="*/ 1 w 2360"/>
                    <a:gd name="T77" fmla="*/ 0 h 2473"/>
                    <a:gd name="T78" fmla="*/ 1 w 2360"/>
                    <a:gd name="T79" fmla="*/ 0 h 2473"/>
                    <a:gd name="T80" fmla="*/ 1 w 2360"/>
                    <a:gd name="T81" fmla="*/ 0 h 2473"/>
                    <a:gd name="T82" fmla="*/ 1 w 2360"/>
                    <a:gd name="T83" fmla="*/ 0 h 2473"/>
                    <a:gd name="T84" fmla="*/ 1 w 2360"/>
                    <a:gd name="T85" fmla="*/ 0 h 2473"/>
                    <a:gd name="T86" fmla="*/ 1 w 2360"/>
                    <a:gd name="T87" fmla="*/ 0 h 2473"/>
                    <a:gd name="T88" fmla="*/ 1 w 2360"/>
                    <a:gd name="T89" fmla="*/ 0 h 2473"/>
                    <a:gd name="T90" fmla="*/ 1 w 2360"/>
                    <a:gd name="T91" fmla="*/ 0 h 2473"/>
                    <a:gd name="T92" fmla="*/ 1 w 2360"/>
                    <a:gd name="T93" fmla="*/ 0 h 2473"/>
                    <a:gd name="T94" fmla="*/ 1 w 2360"/>
                    <a:gd name="T95" fmla="*/ 0 h 2473"/>
                    <a:gd name="T96" fmla="*/ 1 w 2360"/>
                    <a:gd name="T97" fmla="*/ 0 h 2473"/>
                    <a:gd name="T98" fmla="*/ 1 w 2360"/>
                    <a:gd name="T99" fmla="*/ 0 h 2473"/>
                    <a:gd name="T100" fmla="*/ 1 w 2360"/>
                    <a:gd name="T101" fmla="*/ 0 h 2473"/>
                    <a:gd name="T102" fmla="*/ 1 w 2360"/>
                    <a:gd name="T103" fmla="*/ 0 h 2473"/>
                    <a:gd name="T104" fmla="*/ 1 w 2360"/>
                    <a:gd name="T105" fmla="*/ 0 h 2473"/>
                    <a:gd name="T106" fmla="*/ 1 w 2360"/>
                    <a:gd name="T107" fmla="*/ 0 h 2473"/>
                    <a:gd name="T108" fmla="*/ 1 w 2360"/>
                    <a:gd name="T109" fmla="*/ 0 h 2473"/>
                    <a:gd name="T110" fmla="*/ 1 w 2360"/>
                    <a:gd name="T111" fmla="*/ 0 h 2473"/>
                    <a:gd name="T112" fmla="*/ 1 w 2360"/>
                    <a:gd name="T113" fmla="*/ 0 h 2473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  <a:gd name="T165" fmla="*/ 0 60000 65536"/>
                    <a:gd name="T166" fmla="*/ 0 60000 65536"/>
                    <a:gd name="T167" fmla="*/ 0 60000 65536"/>
                    <a:gd name="T168" fmla="*/ 0 60000 65536"/>
                    <a:gd name="T169" fmla="*/ 0 60000 65536"/>
                    <a:gd name="T170" fmla="*/ 0 60000 65536"/>
                  </a:gdLst>
                  <a:ahLst/>
                  <a:cxnLst>
                    <a:cxn ang="T114">
                      <a:pos x="T0" y="T1"/>
                    </a:cxn>
                    <a:cxn ang="T115">
                      <a:pos x="T2" y="T3"/>
                    </a:cxn>
                    <a:cxn ang="T116">
                      <a:pos x="T4" y="T5"/>
                    </a:cxn>
                    <a:cxn ang="T117">
                      <a:pos x="T6" y="T7"/>
                    </a:cxn>
                    <a:cxn ang="T118">
                      <a:pos x="T8" y="T9"/>
                    </a:cxn>
                    <a:cxn ang="T119">
                      <a:pos x="T10" y="T11"/>
                    </a:cxn>
                    <a:cxn ang="T120">
                      <a:pos x="T12" y="T13"/>
                    </a:cxn>
                    <a:cxn ang="T121">
                      <a:pos x="T14" y="T15"/>
                    </a:cxn>
                    <a:cxn ang="T122">
                      <a:pos x="T16" y="T17"/>
                    </a:cxn>
                    <a:cxn ang="T123">
                      <a:pos x="T18" y="T19"/>
                    </a:cxn>
                    <a:cxn ang="T124">
                      <a:pos x="T20" y="T21"/>
                    </a:cxn>
                    <a:cxn ang="T125">
                      <a:pos x="T22" y="T23"/>
                    </a:cxn>
                    <a:cxn ang="T126">
                      <a:pos x="T24" y="T25"/>
                    </a:cxn>
                    <a:cxn ang="T127">
                      <a:pos x="T26" y="T27"/>
                    </a:cxn>
                    <a:cxn ang="T128">
                      <a:pos x="T28" y="T29"/>
                    </a:cxn>
                    <a:cxn ang="T129">
                      <a:pos x="T30" y="T31"/>
                    </a:cxn>
                    <a:cxn ang="T130">
                      <a:pos x="T32" y="T33"/>
                    </a:cxn>
                    <a:cxn ang="T131">
                      <a:pos x="T34" y="T35"/>
                    </a:cxn>
                    <a:cxn ang="T132">
                      <a:pos x="T36" y="T37"/>
                    </a:cxn>
                    <a:cxn ang="T133">
                      <a:pos x="T38" y="T39"/>
                    </a:cxn>
                    <a:cxn ang="T134">
                      <a:pos x="T40" y="T41"/>
                    </a:cxn>
                    <a:cxn ang="T135">
                      <a:pos x="T42" y="T43"/>
                    </a:cxn>
                    <a:cxn ang="T136">
                      <a:pos x="T44" y="T45"/>
                    </a:cxn>
                    <a:cxn ang="T137">
                      <a:pos x="T46" y="T47"/>
                    </a:cxn>
                    <a:cxn ang="T138">
                      <a:pos x="T48" y="T49"/>
                    </a:cxn>
                    <a:cxn ang="T139">
                      <a:pos x="T50" y="T51"/>
                    </a:cxn>
                    <a:cxn ang="T140">
                      <a:pos x="T52" y="T53"/>
                    </a:cxn>
                    <a:cxn ang="T141">
                      <a:pos x="T54" y="T55"/>
                    </a:cxn>
                    <a:cxn ang="T142">
                      <a:pos x="T56" y="T57"/>
                    </a:cxn>
                    <a:cxn ang="T143">
                      <a:pos x="T58" y="T59"/>
                    </a:cxn>
                    <a:cxn ang="T144">
                      <a:pos x="T60" y="T61"/>
                    </a:cxn>
                    <a:cxn ang="T145">
                      <a:pos x="T62" y="T63"/>
                    </a:cxn>
                    <a:cxn ang="T146">
                      <a:pos x="T64" y="T65"/>
                    </a:cxn>
                    <a:cxn ang="T147">
                      <a:pos x="T66" y="T67"/>
                    </a:cxn>
                    <a:cxn ang="T148">
                      <a:pos x="T68" y="T69"/>
                    </a:cxn>
                    <a:cxn ang="T149">
                      <a:pos x="T70" y="T71"/>
                    </a:cxn>
                    <a:cxn ang="T150">
                      <a:pos x="T72" y="T73"/>
                    </a:cxn>
                    <a:cxn ang="T151">
                      <a:pos x="T74" y="T75"/>
                    </a:cxn>
                    <a:cxn ang="T152">
                      <a:pos x="T76" y="T77"/>
                    </a:cxn>
                    <a:cxn ang="T153">
                      <a:pos x="T78" y="T79"/>
                    </a:cxn>
                    <a:cxn ang="T154">
                      <a:pos x="T80" y="T81"/>
                    </a:cxn>
                    <a:cxn ang="T155">
                      <a:pos x="T82" y="T83"/>
                    </a:cxn>
                    <a:cxn ang="T156">
                      <a:pos x="T84" y="T85"/>
                    </a:cxn>
                    <a:cxn ang="T157">
                      <a:pos x="T86" y="T87"/>
                    </a:cxn>
                    <a:cxn ang="T158">
                      <a:pos x="T88" y="T89"/>
                    </a:cxn>
                    <a:cxn ang="T159">
                      <a:pos x="T90" y="T91"/>
                    </a:cxn>
                    <a:cxn ang="T160">
                      <a:pos x="T92" y="T93"/>
                    </a:cxn>
                    <a:cxn ang="T161">
                      <a:pos x="T94" y="T95"/>
                    </a:cxn>
                    <a:cxn ang="T162">
                      <a:pos x="T96" y="T97"/>
                    </a:cxn>
                    <a:cxn ang="T163">
                      <a:pos x="T98" y="T99"/>
                    </a:cxn>
                    <a:cxn ang="T164">
                      <a:pos x="T100" y="T101"/>
                    </a:cxn>
                    <a:cxn ang="T165">
                      <a:pos x="T102" y="T103"/>
                    </a:cxn>
                    <a:cxn ang="T166">
                      <a:pos x="T104" y="T105"/>
                    </a:cxn>
                    <a:cxn ang="T167">
                      <a:pos x="T106" y="T107"/>
                    </a:cxn>
                    <a:cxn ang="T168">
                      <a:pos x="T108" y="T109"/>
                    </a:cxn>
                    <a:cxn ang="T169">
                      <a:pos x="T110" y="T111"/>
                    </a:cxn>
                    <a:cxn ang="T170">
                      <a:pos x="T112" y="T113"/>
                    </a:cxn>
                  </a:cxnLst>
                  <a:rect l="0" t="0" r="r" b="b"/>
                  <a:pathLst>
                    <a:path w="2360" h="2473">
                      <a:moveTo>
                        <a:pt x="997" y="0"/>
                      </a:moveTo>
                      <a:lnTo>
                        <a:pt x="1029" y="82"/>
                      </a:lnTo>
                      <a:lnTo>
                        <a:pt x="1057" y="165"/>
                      </a:lnTo>
                      <a:lnTo>
                        <a:pt x="1103" y="235"/>
                      </a:lnTo>
                      <a:lnTo>
                        <a:pt x="1135" y="305"/>
                      </a:lnTo>
                      <a:lnTo>
                        <a:pt x="1172" y="376"/>
                      </a:lnTo>
                      <a:lnTo>
                        <a:pt x="1212" y="446"/>
                      </a:lnTo>
                      <a:lnTo>
                        <a:pt x="1244" y="529"/>
                      </a:lnTo>
                      <a:lnTo>
                        <a:pt x="1276" y="600"/>
                      </a:lnTo>
                      <a:lnTo>
                        <a:pt x="1304" y="682"/>
                      </a:lnTo>
                      <a:lnTo>
                        <a:pt x="1317" y="768"/>
                      </a:lnTo>
                      <a:lnTo>
                        <a:pt x="1336" y="839"/>
                      </a:lnTo>
                      <a:lnTo>
                        <a:pt x="1336" y="943"/>
                      </a:lnTo>
                      <a:lnTo>
                        <a:pt x="1378" y="909"/>
                      </a:lnTo>
                      <a:lnTo>
                        <a:pt x="1414" y="851"/>
                      </a:lnTo>
                      <a:lnTo>
                        <a:pt x="1428" y="782"/>
                      </a:lnTo>
                      <a:lnTo>
                        <a:pt x="1432" y="711"/>
                      </a:lnTo>
                      <a:lnTo>
                        <a:pt x="1441" y="591"/>
                      </a:lnTo>
                      <a:lnTo>
                        <a:pt x="1492" y="653"/>
                      </a:lnTo>
                      <a:lnTo>
                        <a:pt x="1533" y="744"/>
                      </a:lnTo>
                      <a:lnTo>
                        <a:pt x="1574" y="827"/>
                      </a:lnTo>
                      <a:lnTo>
                        <a:pt x="1602" y="906"/>
                      </a:lnTo>
                      <a:lnTo>
                        <a:pt x="1639" y="975"/>
                      </a:lnTo>
                      <a:lnTo>
                        <a:pt x="1652" y="1046"/>
                      </a:lnTo>
                      <a:lnTo>
                        <a:pt x="1663" y="1133"/>
                      </a:lnTo>
                      <a:lnTo>
                        <a:pt x="1667" y="1224"/>
                      </a:lnTo>
                      <a:lnTo>
                        <a:pt x="1644" y="1377"/>
                      </a:lnTo>
                      <a:lnTo>
                        <a:pt x="1704" y="1357"/>
                      </a:lnTo>
                      <a:lnTo>
                        <a:pt x="1754" y="1306"/>
                      </a:lnTo>
                      <a:lnTo>
                        <a:pt x="1787" y="1249"/>
                      </a:lnTo>
                      <a:lnTo>
                        <a:pt x="1832" y="1187"/>
                      </a:lnTo>
                      <a:lnTo>
                        <a:pt x="1846" y="1108"/>
                      </a:lnTo>
                      <a:lnTo>
                        <a:pt x="1864" y="1017"/>
                      </a:lnTo>
                      <a:lnTo>
                        <a:pt x="1878" y="955"/>
                      </a:lnTo>
                      <a:lnTo>
                        <a:pt x="1896" y="906"/>
                      </a:lnTo>
                      <a:lnTo>
                        <a:pt x="1956" y="955"/>
                      </a:lnTo>
                      <a:lnTo>
                        <a:pt x="2007" y="1038"/>
                      </a:lnTo>
                      <a:lnTo>
                        <a:pt x="2029" y="1116"/>
                      </a:lnTo>
                      <a:lnTo>
                        <a:pt x="2035" y="1187"/>
                      </a:lnTo>
                      <a:lnTo>
                        <a:pt x="2044" y="1257"/>
                      </a:lnTo>
                      <a:lnTo>
                        <a:pt x="2044" y="1344"/>
                      </a:lnTo>
                      <a:lnTo>
                        <a:pt x="2035" y="1414"/>
                      </a:lnTo>
                      <a:lnTo>
                        <a:pt x="2016" y="1452"/>
                      </a:lnTo>
                      <a:lnTo>
                        <a:pt x="2016" y="1522"/>
                      </a:lnTo>
                      <a:lnTo>
                        <a:pt x="2094" y="1464"/>
                      </a:lnTo>
                      <a:lnTo>
                        <a:pt x="2305" y="1262"/>
                      </a:lnTo>
                      <a:lnTo>
                        <a:pt x="2360" y="1216"/>
                      </a:lnTo>
                      <a:lnTo>
                        <a:pt x="2342" y="1306"/>
                      </a:lnTo>
                      <a:lnTo>
                        <a:pt x="2305" y="1401"/>
                      </a:lnTo>
                      <a:lnTo>
                        <a:pt x="2268" y="1484"/>
                      </a:lnTo>
                      <a:lnTo>
                        <a:pt x="2250" y="1564"/>
                      </a:lnTo>
                      <a:lnTo>
                        <a:pt x="2250" y="1650"/>
                      </a:lnTo>
                      <a:lnTo>
                        <a:pt x="2227" y="1729"/>
                      </a:lnTo>
                      <a:lnTo>
                        <a:pt x="2204" y="1824"/>
                      </a:lnTo>
                      <a:lnTo>
                        <a:pt x="2185" y="1910"/>
                      </a:lnTo>
                      <a:lnTo>
                        <a:pt x="2126" y="2027"/>
                      </a:lnTo>
                      <a:lnTo>
                        <a:pt x="2048" y="2122"/>
                      </a:lnTo>
                      <a:lnTo>
                        <a:pt x="1965" y="2221"/>
                      </a:lnTo>
                      <a:lnTo>
                        <a:pt x="1878" y="2292"/>
                      </a:lnTo>
                      <a:lnTo>
                        <a:pt x="1787" y="2341"/>
                      </a:lnTo>
                      <a:lnTo>
                        <a:pt x="1708" y="2378"/>
                      </a:lnTo>
                      <a:lnTo>
                        <a:pt x="1611" y="2416"/>
                      </a:lnTo>
                      <a:lnTo>
                        <a:pt x="1524" y="2436"/>
                      </a:lnTo>
                      <a:lnTo>
                        <a:pt x="1456" y="2461"/>
                      </a:lnTo>
                      <a:lnTo>
                        <a:pt x="1299" y="2469"/>
                      </a:lnTo>
                      <a:lnTo>
                        <a:pt x="1363" y="2424"/>
                      </a:lnTo>
                      <a:lnTo>
                        <a:pt x="1428" y="2353"/>
                      </a:lnTo>
                      <a:lnTo>
                        <a:pt x="1474" y="2283"/>
                      </a:lnTo>
                      <a:lnTo>
                        <a:pt x="1520" y="2212"/>
                      </a:lnTo>
                      <a:lnTo>
                        <a:pt x="1584" y="2117"/>
                      </a:lnTo>
                      <a:lnTo>
                        <a:pt x="1602" y="2039"/>
                      </a:lnTo>
                      <a:lnTo>
                        <a:pt x="1630" y="1956"/>
                      </a:lnTo>
                      <a:lnTo>
                        <a:pt x="1616" y="1910"/>
                      </a:lnTo>
                      <a:lnTo>
                        <a:pt x="1589" y="1898"/>
                      </a:lnTo>
                      <a:lnTo>
                        <a:pt x="1561" y="1927"/>
                      </a:lnTo>
                      <a:lnTo>
                        <a:pt x="1506" y="1964"/>
                      </a:lnTo>
                      <a:lnTo>
                        <a:pt x="1460" y="1998"/>
                      </a:lnTo>
                      <a:lnTo>
                        <a:pt x="1428" y="2022"/>
                      </a:lnTo>
                      <a:lnTo>
                        <a:pt x="1414" y="2047"/>
                      </a:lnTo>
                      <a:lnTo>
                        <a:pt x="1378" y="2047"/>
                      </a:lnTo>
                      <a:lnTo>
                        <a:pt x="1363" y="2034"/>
                      </a:lnTo>
                      <a:lnTo>
                        <a:pt x="1391" y="1964"/>
                      </a:lnTo>
                      <a:lnTo>
                        <a:pt x="1395" y="1927"/>
                      </a:lnTo>
                      <a:lnTo>
                        <a:pt x="1404" y="1824"/>
                      </a:lnTo>
                      <a:lnTo>
                        <a:pt x="1304" y="1895"/>
                      </a:lnTo>
                      <a:lnTo>
                        <a:pt x="1271" y="1944"/>
                      </a:lnTo>
                      <a:lnTo>
                        <a:pt x="1221" y="1990"/>
                      </a:lnTo>
                      <a:lnTo>
                        <a:pt x="1212" y="1932"/>
                      </a:lnTo>
                      <a:lnTo>
                        <a:pt x="1249" y="1869"/>
                      </a:lnTo>
                      <a:lnTo>
                        <a:pt x="1271" y="1758"/>
                      </a:lnTo>
                      <a:lnTo>
                        <a:pt x="1276" y="1650"/>
                      </a:lnTo>
                      <a:lnTo>
                        <a:pt x="1276" y="1542"/>
                      </a:lnTo>
                      <a:lnTo>
                        <a:pt x="1271" y="1460"/>
                      </a:lnTo>
                      <a:lnTo>
                        <a:pt x="1258" y="1435"/>
                      </a:lnTo>
                      <a:lnTo>
                        <a:pt x="1208" y="1518"/>
                      </a:lnTo>
                      <a:lnTo>
                        <a:pt x="1157" y="1637"/>
                      </a:lnTo>
                      <a:lnTo>
                        <a:pt x="1121" y="1696"/>
                      </a:lnTo>
                      <a:lnTo>
                        <a:pt x="1089" y="1729"/>
                      </a:lnTo>
                      <a:lnTo>
                        <a:pt x="970" y="1625"/>
                      </a:lnTo>
                      <a:lnTo>
                        <a:pt x="956" y="1675"/>
                      </a:lnTo>
                      <a:lnTo>
                        <a:pt x="965" y="1849"/>
                      </a:lnTo>
                      <a:lnTo>
                        <a:pt x="970" y="1910"/>
                      </a:lnTo>
                      <a:lnTo>
                        <a:pt x="979" y="1981"/>
                      </a:lnTo>
                      <a:lnTo>
                        <a:pt x="992" y="2027"/>
                      </a:lnTo>
                      <a:lnTo>
                        <a:pt x="864" y="1881"/>
                      </a:lnTo>
                      <a:lnTo>
                        <a:pt x="772" y="1803"/>
                      </a:lnTo>
                      <a:lnTo>
                        <a:pt x="781" y="1939"/>
                      </a:lnTo>
                      <a:lnTo>
                        <a:pt x="795" y="1981"/>
                      </a:lnTo>
                      <a:lnTo>
                        <a:pt x="703" y="1964"/>
                      </a:lnTo>
                      <a:lnTo>
                        <a:pt x="717" y="2027"/>
                      </a:lnTo>
                      <a:lnTo>
                        <a:pt x="750" y="2122"/>
                      </a:lnTo>
                      <a:lnTo>
                        <a:pt x="795" y="2188"/>
                      </a:lnTo>
                      <a:lnTo>
                        <a:pt x="850" y="2258"/>
                      </a:lnTo>
                      <a:lnTo>
                        <a:pt x="928" y="2329"/>
                      </a:lnTo>
                      <a:lnTo>
                        <a:pt x="983" y="2365"/>
                      </a:lnTo>
                      <a:lnTo>
                        <a:pt x="1044" y="2390"/>
                      </a:lnTo>
                      <a:lnTo>
                        <a:pt x="1121" y="2411"/>
                      </a:lnTo>
                      <a:lnTo>
                        <a:pt x="1221" y="2448"/>
                      </a:lnTo>
                      <a:lnTo>
                        <a:pt x="1103" y="2473"/>
                      </a:lnTo>
                      <a:lnTo>
                        <a:pt x="983" y="2473"/>
                      </a:lnTo>
                      <a:lnTo>
                        <a:pt x="874" y="2473"/>
                      </a:lnTo>
                      <a:lnTo>
                        <a:pt x="731" y="2431"/>
                      </a:lnTo>
                      <a:lnTo>
                        <a:pt x="630" y="2399"/>
                      </a:lnTo>
                      <a:lnTo>
                        <a:pt x="511" y="2341"/>
                      </a:lnTo>
                      <a:lnTo>
                        <a:pt x="409" y="2275"/>
                      </a:lnTo>
                      <a:lnTo>
                        <a:pt x="363" y="2200"/>
                      </a:lnTo>
                      <a:lnTo>
                        <a:pt x="317" y="2080"/>
                      </a:lnTo>
                      <a:lnTo>
                        <a:pt x="304" y="1956"/>
                      </a:lnTo>
                      <a:lnTo>
                        <a:pt x="276" y="1836"/>
                      </a:lnTo>
                      <a:lnTo>
                        <a:pt x="226" y="1732"/>
                      </a:lnTo>
                      <a:lnTo>
                        <a:pt x="193" y="1637"/>
                      </a:lnTo>
                      <a:lnTo>
                        <a:pt x="134" y="1564"/>
                      </a:lnTo>
                      <a:lnTo>
                        <a:pt x="78" y="1497"/>
                      </a:lnTo>
                      <a:lnTo>
                        <a:pt x="0" y="1410"/>
                      </a:lnTo>
                      <a:lnTo>
                        <a:pt x="115" y="1401"/>
                      </a:lnTo>
                      <a:lnTo>
                        <a:pt x="207" y="1439"/>
                      </a:lnTo>
                      <a:lnTo>
                        <a:pt x="299" y="1493"/>
                      </a:lnTo>
                      <a:lnTo>
                        <a:pt x="350" y="1555"/>
                      </a:lnTo>
                      <a:lnTo>
                        <a:pt x="419" y="1605"/>
                      </a:lnTo>
                      <a:lnTo>
                        <a:pt x="455" y="1530"/>
                      </a:lnTo>
                      <a:lnTo>
                        <a:pt x="469" y="1452"/>
                      </a:lnTo>
                      <a:lnTo>
                        <a:pt x="483" y="1357"/>
                      </a:lnTo>
                      <a:lnTo>
                        <a:pt x="469" y="1286"/>
                      </a:lnTo>
                      <a:lnTo>
                        <a:pt x="446" y="1199"/>
                      </a:lnTo>
                      <a:lnTo>
                        <a:pt x="404" y="1121"/>
                      </a:lnTo>
                      <a:lnTo>
                        <a:pt x="354" y="1063"/>
                      </a:lnTo>
                      <a:lnTo>
                        <a:pt x="304" y="1038"/>
                      </a:lnTo>
                      <a:lnTo>
                        <a:pt x="409" y="1038"/>
                      </a:lnTo>
                      <a:lnTo>
                        <a:pt x="496" y="1084"/>
                      </a:lnTo>
                      <a:lnTo>
                        <a:pt x="561" y="1116"/>
                      </a:lnTo>
                      <a:lnTo>
                        <a:pt x="616" y="1187"/>
                      </a:lnTo>
                      <a:lnTo>
                        <a:pt x="643" y="1204"/>
                      </a:lnTo>
                      <a:lnTo>
                        <a:pt x="639" y="1075"/>
                      </a:lnTo>
                      <a:lnTo>
                        <a:pt x="667" y="1004"/>
                      </a:lnTo>
                      <a:lnTo>
                        <a:pt x="680" y="918"/>
                      </a:lnTo>
                      <a:lnTo>
                        <a:pt x="676" y="836"/>
                      </a:lnTo>
                      <a:lnTo>
                        <a:pt x="680" y="753"/>
                      </a:lnTo>
                      <a:lnTo>
                        <a:pt x="616" y="653"/>
                      </a:lnTo>
                      <a:lnTo>
                        <a:pt x="561" y="612"/>
                      </a:lnTo>
                      <a:lnTo>
                        <a:pt x="519" y="546"/>
                      </a:lnTo>
                      <a:lnTo>
                        <a:pt x="639" y="558"/>
                      </a:lnTo>
                      <a:lnTo>
                        <a:pt x="772" y="616"/>
                      </a:lnTo>
                      <a:lnTo>
                        <a:pt x="859" y="653"/>
                      </a:lnTo>
                      <a:lnTo>
                        <a:pt x="928" y="719"/>
                      </a:lnTo>
                      <a:lnTo>
                        <a:pt x="970" y="636"/>
                      </a:lnTo>
                      <a:lnTo>
                        <a:pt x="956" y="541"/>
                      </a:lnTo>
                      <a:lnTo>
                        <a:pt x="928" y="417"/>
                      </a:lnTo>
                      <a:lnTo>
                        <a:pt x="905" y="285"/>
                      </a:lnTo>
                      <a:lnTo>
                        <a:pt x="924" y="169"/>
                      </a:lnTo>
                      <a:lnTo>
                        <a:pt x="951" y="86"/>
                      </a:lnTo>
                      <a:lnTo>
                        <a:pt x="997" y="0"/>
                      </a:lnTo>
                    </a:path>
                  </a:pathLst>
                </a:custGeom>
                <a:noFill/>
                <a:ln w="3175">
                  <a:solidFill>
                    <a:srgbClr val="000000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8" name="Freeform 77">
                  <a:extLst>
                    <a:ext uri="{FF2B5EF4-FFF2-40B4-BE49-F238E27FC236}">
                      <a16:creationId xmlns:a16="http://schemas.microsoft.com/office/drawing/2014/main" id="{5CA6906D-5C58-4CE7-B0F8-2CF44CFFF9A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39" y="2352"/>
                  <a:ext cx="337" cy="612"/>
                </a:xfrm>
                <a:custGeom>
                  <a:avLst/>
                  <a:gdLst>
                    <a:gd name="T0" fmla="*/ 1 w 673"/>
                    <a:gd name="T1" fmla="*/ 0 h 1224"/>
                    <a:gd name="T2" fmla="*/ 0 w 673"/>
                    <a:gd name="T3" fmla="*/ 0 h 1224"/>
                    <a:gd name="T4" fmla="*/ 1 w 673"/>
                    <a:gd name="T5" fmla="*/ 1 h 1224"/>
                    <a:gd name="T6" fmla="*/ 1 w 673"/>
                    <a:gd name="T7" fmla="*/ 1 h 1224"/>
                    <a:gd name="T8" fmla="*/ 1 w 673"/>
                    <a:gd name="T9" fmla="*/ 1 h 1224"/>
                    <a:gd name="T10" fmla="*/ 1 w 673"/>
                    <a:gd name="T11" fmla="*/ 1 h 1224"/>
                    <a:gd name="T12" fmla="*/ 1 w 673"/>
                    <a:gd name="T13" fmla="*/ 1 h 1224"/>
                    <a:gd name="T14" fmla="*/ 1 w 673"/>
                    <a:gd name="T15" fmla="*/ 1 h 1224"/>
                    <a:gd name="T16" fmla="*/ 1 w 673"/>
                    <a:gd name="T17" fmla="*/ 1 h 1224"/>
                    <a:gd name="T18" fmla="*/ 1 w 673"/>
                    <a:gd name="T19" fmla="*/ 1 h 1224"/>
                    <a:gd name="T20" fmla="*/ 1 w 673"/>
                    <a:gd name="T21" fmla="*/ 1 h 1224"/>
                    <a:gd name="T22" fmla="*/ 1 w 673"/>
                    <a:gd name="T23" fmla="*/ 1 h 1224"/>
                    <a:gd name="T24" fmla="*/ 1 w 673"/>
                    <a:gd name="T25" fmla="*/ 1 h 1224"/>
                    <a:gd name="T26" fmla="*/ 1 w 673"/>
                    <a:gd name="T27" fmla="*/ 1 h 1224"/>
                    <a:gd name="T28" fmla="*/ 1 w 673"/>
                    <a:gd name="T29" fmla="*/ 1 h 1224"/>
                    <a:gd name="T30" fmla="*/ 1 w 673"/>
                    <a:gd name="T31" fmla="*/ 1 h 1224"/>
                    <a:gd name="T32" fmla="*/ 1 w 673"/>
                    <a:gd name="T33" fmla="*/ 1 h 1224"/>
                    <a:gd name="T34" fmla="*/ 1 w 673"/>
                    <a:gd name="T35" fmla="*/ 1 h 1224"/>
                    <a:gd name="T36" fmla="*/ 1 w 673"/>
                    <a:gd name="T37" fmla="*/ 1 h 1224"/>
                    <a:gd name="T38" fmla="*/ 1 w 673"/>
                    <a:gd name="T39" fmla="*/ 1 h 1224"/>
                    <a:gd name="T40" fmla="*/ 1 w 673"/>
                    <a:gd name="T41" fmla="*/ 1 h 1224"/>
                    <a:gd name="T42" fmla="*/ 1 w 673"/>
                    <a:gd name="T43" fmla="*/ 1 h 1224"/>
                    <a:gd name="T44" fmla="*/ 1 w 673"/>
                    <a:gd name="T45" fmla="*/ 1 h 1224"/>
                    <a:gd name="T46" fmla="*/ 1 w 673"/>
                    <a:gd name="T47" fmla="*/ 1 h 1224"/>
                    <a:gd name="T48" fmla="*/ 1 w 673"/>
                    <a:gd name="T49" fmla="*/ 1 h 1224"/>
                    <a:gd name="T50" fmla="*/ 1 w 673"/>
                    <a:gd name="T51" fmla="*/ 1 h 1224"/>
                    <a:gd name="T52" fmla="*/ 1 w 673"/>
                    <a:gd name="T53" fmla="*/ 1 h 1224"/>
                    <a:gd name="T54" fmla="*/ 1 w 673"/>
                    <a:gd name="T55" fmla="*/ 1 h 1224"/>
                    <a:gd name="T56" fmla="*/ 1 w 673"/>
                    <a:gd name="T57" fmla="*/ 1 h 1224"/>
                    <a:gd name="T58" fmla="*/ 1 w 673"/>
                    <a:gd name="T59" fmla="*/ 1 h 1224"/>
                    <a:gd name="T60" fmla="*/ 1 w 673"/>
                    <a:gd name="T61" fmla="*/ 1 h 1224"/>
                    <a:gd name="T62" fmla="*/ 1 w 673"/>
                    <a:gd name="T63" fmla="*/ 1 h 1224"/>
                    <a:gd name="T64" fmla="*/ 1 w 673"/>
                    <a:gd name="T65" fmla="*/ 1 h 1224"/>
                    <a:gd name="T66" fmla="*/ 1 w 673"/>
                    <a:gd name="T67" fmla="*/ 1 h 1224"/>
                    <a:gd name="T68" fmla="*/ 1 w 673"/>
                    <a:gd name="T69" fmla="*/ 1 h 1224"/>
                    <a:gd name="T70" fmla="*/ 1 w 673"/>
                    <a:gd name="T71" fmla="*/ 1 h 1224"/>
                    <a:gd name="T72" fmla="*/ 1 w 673"/>
                    <a:gd name="T73" fmla="*/ 1 h 1224"/>
                    <a:gd name="T74" fmla="*/ 1 w 673"/>
                    <a:gd name="T75" fmla="*/ 1 h 1224"/>
                    <a:gd name="T76" fmla="*/ 1 w 673"/>
                    <a:gd name="T77" fmla="*/ 1 h 1224"/>
                    <a:gd name="T78" fmla="*/ 1 w 673"/>
                    <a:gd name="T79" fmla="*/ 1 h 1224"/>
                    <a:gd name="T80" fmla="*/ 1 w 673"/>
                    <a:gd name="T81" fmla="*/ 1 h 1224"/>
                    <a:gd name="T82" fmla="*/ 1 w 673"/>
                    <a:gd name="T83" fmla="*/ 1 h 1224"/>
                    <a:gd name="T84" fmla="*/ 1 w 673"/>
                    <a:gd name="T85" fmla="*/ 1 h 1224"/>
                    <a:gd name="T86" fmla="*/ 1 w 673"/>
                    <a:gd name="T87" fmla="*/ 1 h 1224"/>
                    <a:gd name="T88" fmla="*/ 1 w 673"/>
                    <a:gd name="T89" fmla="*/ 1 h 1224"/>
                    <a:gd name="T90" fmla="*/ 1 w 673"/>
                    <a:gd name="T91" fmla="*/ 1 h 1224"/>
                    <a:gd name="T92" fmla="*/ 1 w 673"/>
                    <a:gd name="T93" fmla="*/ 1 h 1224"/>
                    <a:gd name="T94" fmla="*/ 1 w 673"/>
                    <a:gd name="T95" fmla="*/ 1 h 1224"/>
                    <a:gd name="T96" fmla="*/ 1 w 673"/>
                    <a:gd name="T97" fmla="*/ 1 h 1224"/>
                    <a:gd name="T98" fmla="*/ 1 w 673"/>
                    <a:gd name="T99" fmla="*/ 1 h 1224"/>
                    <a:gd name="T100" fmla="*/ 1 w 673"/>
                    <a:gd name="T101" fmla="*/ 1 h 1224"/>
                    <a:gd name="T102" fmla="*/ 1 w 673"/>
                    <a:gd name="T103" fmla="*/ 1 h 1224"/>
                    <a:gd name="T104" fmla="*/ 1 w 673"/>
                    <a:gd name="T105" fmla="*/ 1 h 1224"/>
                    <a:gd name="T106" fmla="*/ 1 w 673"/>
                    <a:gd name="T107" fmla="*/ 1 h 1224"/>
                    <a:gd name="T108" fmla="*/ 1 w 673"/>
                    <a:gd name="T109" fmla="*/ 0 h 1224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  <a:gd name="T150" fmla="*/ 0 60000 65536"/>
                    <a:gd name="T151" fmla="*/ 0 60000 65536"/>
                    <a:gd name="T152" fmla="*/ 0 60000 65536"/>
                    <a:gd name="T153" fmla="*/ 0 60000 65536"/>
                    <a:gd name="T154" fmla="*/ 0 60000 65536"/>
                    <a:gd name="T155" fmla="*/ 0 60000 65536"/>
                    <a:gd name="T156" fmla="*/ 0 60000 65536"/>
                    <a:gd name="T157" fmla="*/ 0 60000 65536"/>
                    <a:gd name="T158" fmla="*/ 0 60000 65536"/>
                    <a:gd name="T159" fmla="*/ 0 60000 65536"/>
                    <a:gd name="T160" fmla="*/ 0 60000 65536"/>
                    <a:gd name="T161" fmla="*/ 0 60000 65536"/>
                    <a:gd name="T162" fmla="*/ 0 60000 65536"/>
                    <a:gd name="T163" fmla="*/ 0 60000 65536"/>
                    <a:gd name="T164" fmla="*/ 0 60000 65536"/>
                  </a:gdLst>
                  <a:ahLst/>
                  <a:cxnLst>
                    <a:cxn ang="T110">
                      <a:pos x="T0" y="T1"/>
                    </a:cxn>
                    <a:cxn ang="T111">
                      <a:pos x="T2" y="T3"/>
                    </a:cxn>
                    <a:cxn ang="T112">
                      <a:pos x="T4" y="T5"/>
                    </a:cxn>
                    <a:cxn ang="T113">
                      <a:pos x="T6" y="T7"/>
                    </a:cxn>
                    <a:cxn ang="T114">
                      <a:pos x="T8" y="T9"/>
                    </a:cxn>
                    <a:cxn ang="T115">
                      <a:pos x="T10" y="T11"/>
                    </a:cxn>
                    <a:cxn ang="T116">
                      <a:pos x="T12" y="T13"/>
                    </a:cxn>
                    <a:cxn ang="T117">
                      <a:pos x="T14" y="T15"/>
                    </a:cxn>
                    <a:cxn ang="T118">
                      <a:pos x="T16" y="T17"/>
                    </a:cxn>
                    <a:cxn ang="T119">
                      <a:pos x="T18" y="T19"/>
                    </a:cxn>
                    <a:cxn ang="T120">
                      <a:pos x="T20" y="T21"/>
                    </a:cxn>
                    <a:cxn ang="T121">
                      <a:pos x="T22" y="T23"/>
                    </a:cxn>
                    <a:cxn ang="T122">
                      <a:pos x="T24" y="T25"/>
                    </a:cxn>
                    <a:cxn ang="T123">
                      <a:pos x="T26" y="T27"/>
                    </a:cxn>
                    <a:cxn ang="T124">
                      <a:pos x="T28" y="T29"/>
                    </a:cxn>
                    <a:cxn ang="T125">
                      <a:pos x="T30" y="T31"/>
                    </a:cxn>
                    <a:cxn ang="T126">
                      <a:pos x="T32" y="T33"/>
                    </a:cxn>
                    <a:cxn ang="T127">
                      <a:pos x="T34" y="T35"/>
                    </a:cxn>
                    <a:cxn ang="T128">
                      <a:pos x="T36" y="T37"/>
                    </a:cxn>
                    <a:cxn ang="T129">
                      <a:pos x="T38" y="T39"/>
                    </a:cxn>
                    <a:cxn ang="T130">
                      <a:pos x="T40" y="T41"/>
                    </a:cxn>
                    <a:cxn ang="T131">
                      <a:pos x="T42" y="T43"/>
                    </a:cxn>
                    <a:cxn ang="T132">
                      <a:pos x="T44" y="T45"/>
                    </a:cxn>
                    <a:cxn ang="T133">
                      <a:pos x="T46" y="T47"/>
                    </a:cxn>
                    <a:cxn ang="T134">
                      <a:pos x="T48" y="T49"/>
                    </a:cxn>
                    <a:cxn ang="T135">
                      <a:pos x="T50" y="T51"/>
                    </a:cxn>
                    <a:cxn ang="T136">
                      <a:pos x="T52" y="T53"/>
                    </a:cxn>
                    <a:cxn ang="T137">
                      <a:pos x="T54" y="T55"/>
                    </a:cxn>
                    <a:cxn ang="T138">
                      <a:pos x="T56" y="T57"/>
                    </a:cxn>
                    <a:cxn ang="T139">
                      <a:pos x="T58" y="T59"/>
                    </a:cxn>
                    <a:cxn ang="T140">
                      <a:pos x="T60" y="T61"/>
                    </a:cxn>
                    <a:cxn ang="T141">
                      <a:pos x="T62" y="T63"/>
                    </a:cxn>
                    <a:cxn ang="T142">
                      <a:pos x="T64" y="T65"/>
                    </a:cxn>
                    <a:cxn ang="T143">
                      <a:pos x="T66" y="T67"/>
                    </a:cxn>
                    <a:cxn ang="T144">
                      <a:pos x="T68" y="T69"/>
                    </a:cxn>
                    <a:cxn ang="T145">
                      <a:pos x="T70" y="T71"/>
                    </a:cxn>
                    <a:cxn ang="T146">
                      <a:pos x="T72" y="T73"/>
                    </a:cxn>
                    <a:cxn ang="T147">
                      <a:pos x="T74" y="T75"/>
                    </a:cxn>
                    <a:cxn ang="T148">
                      <a:pos x="T76" y="T77"/>
                    </a:cxn>
                    <a:cxn ang="T149">
                      <a:pos x="T78" y="T79"/>
                    </a:cxn>
                    <a:cxn ang="T150">
                      <a:pos x="T80" y="T81"/>
                    </a:cxn>
                    <a:cxn ang="T151">
                      <a:pos x="T82" y="T83"/>
                    </a:cxn>
                    <a:cxn ang="T152">
                      <a:pos x="T84" y="T85"/>
                    </a:cxn>
                    <a:cxn ang="T153">
                      <a:pos x="T86" y="T87"/>
                    </a:cxn>
                    <a:cxn ang="T154">
                      <a:pos x="T88" y="T89"/>
                    </a:cxn>
                    <a:cxn ang="T155">
                      <a:pos x="T90" y="T91"/>
                    </a:cxn>
                    <a:cxn ang="T156">
                      <a:pos x="T92" y="T93"/>
                    </a:cxn>
                    <a:cxn ang="T157">
                      <a:pos x="T94" y="T95"/>
                    </a:cxn>
                    <a:cxn ang="T158">
                      <a:pos x="T96" y="T97"/>
                    </a:cxn>
                    <a:cxn ang="T159">
                      <a:pos x="T98" y="T99"/>
                    </a:cxn>
                    <a:cxn ang="T160">
                      <a:pos x="T100" y="T101"/>
                    </a:cxn>
                    <a:cxn ang="T161">
                      <a:pos x="T102" y="T103"/>
                    </a:cxn>
                    <a:cxn ang="T162">
                      <a:pos x="T104" y="T105"/>
                    </a:cxn>
                    <a:cxn ang="T163">
                      <a:pos x="T106" y="T107"/>
                    </a:cxn>
                    <a:cxn ang="T164">
                      <a:pos x="T108" y="T109"/>
                    </a:cxn>
                  </a:cxnLst>
                  <a:rect l="0" t="0" r="r" b="b"/>
                  <a:pathLst>
                    <a:path w="673" h="1224">
                      <a:moveTo>
                        <a:pt x="3" y="0"/>
                      </a:moveTo>
                      <a:lnTo>
                        <a:pt x="0" y="0"/>
                      </a:lnTo>
                      <a:lnTo>
                        <a:pt x="33" y="82"/>
                      </a:lnTo>
                      <a:lnTo>
                        <a:pt x="61" y="167"/>
                      </a:lnTo>
                      <a:lnTo>
                        <a:pt x="108" y="238"/>
                      </a:lnTo>
                      <a:lnTo>
                        <a:pt x="139" y="305"/>
                      </a:lnTo>
                      <a:lnTo>
                        <a:pt x="176" y="376"/>
                      </a:lnTo>
                      <a:lnTo>
                        <a:pt x="216" y="446"/>
                      </a:lnTo>
                      <a:lnTo>
                        <a:pt x="247" y="529"/>
                      </a:lnTo>
                      <a:lnTo>
                        <a:pt x="280" y="600"/>
                      </a:lnTo>
                      <a:lnTo>
                        <a:pt x="308" y="682"/>
                      </a:lnTo>
                      <a:lnTo>
                        <a:pt x="321" y="768"/>
                      </a:lnTo>
                      <a:lnTo>
                        <a:pt x="339" y="836"/>
                      </a:lnTo>
                      <a:lnTo>
                        <a:pt x="339" y="943"/>
                      </a:lnTo>
                      <a:lnTo>
                        <a:pt x="342" y="944"/>
                      </a:lnTo>
                      <a:lnTo>
                        <a:pt x="384" y="910"/>
                      </a:lnTo>
                      <a:lnTo>
                        <a:pt x="421" y="852"/>
                      </a:lnTo>
                      <a:lnTo>
                        <a:pt x="434" y="782"/>
                      </a:lnTo>
                      <a:lnTo>
                        <a:pt x="438" y="711"/>
                      </a:lnTo>
                      <a:lnTo>
                        <a:pt x="447" y="594"/>
                      </a:lnTo>
                      <a:lnTo>
                        <a:pt x="497" y="656"/>
                      </a:lnTo>
                      <a:lnTo>
                        <a:pt x="537" y="744"/>
                      </a:lnTo>
                      <a:lnTo>
                        <a:pt x="578" y="827"/>
                      </a:lnTo>
                      <a:lnTo>
                        <a:pt x="606" y="906"/>
                      </a:lnTo>
                      <a:lnTo>
                        <a:pt x="643" y="975"/>
                      </a:lnTo>
                      <a:lnTo>
                        <a:pt x="656" y="1046"/>
                      </a:lnTo>
                      <a:lnTo>
                        <a:pt x="666" y="1133"/>
                      </a:lnTo>
                      <a:lnTo>
                        <a:pt x="671" y="1224"/>
                      </a:lnTo>
                      <a:lnTo>
                        <a:pt x="673" y="1224"/>
                      </a:lnTo>
                      <a:lnTo>
                        <a:pt x="669" y="1133"/>
                      </a:lnTo>
                      <a:lnTo>
                        <a:pt x="659" y="1046"/>
                      </a:lnTo>
                      <a:lnTo>
                        <a:pt x="645" y="975"/>
                      </a:lnTo>
                      <a:lnTo>
                        <a:pt x="608" y="906"/>
                      </a:lnTo>
                      <a:lnTo>
                        <a:pt x="580" y="827"/>
                      </a:lnTo>
                      <a:lnTo>
                        <a:pt x="539" y="744"/>
                      </a:lnTo>
                      <a:lnTo>
                        <a:pt x="497" y="651"/>
                      </a:lnTo>
                      <a:lnTo>
                        <a:pt x="447" y="590"/>
                      </a:lnTo>
                      <a:lnTo>
                        <a:pt x="445" y="591"/>
                      </a:lnTo>
                      <a:lnTo>
                        <a:pt x="436" y="711"/>
                      </a:lnTo>
                      <a:lnTo>
                        <a:pt x="432" y="782"/>
                      </a:lnTo>
                      <a:lnTo>
                        <a:pt x="418" y="850"/>
                      </a:lnTo>
                      <a:lnTo>
                        <a:pt x="381" y="908"/>
                      </a:lnTo>
                      <a:lnTo>
                        <a:pt x="343" y="940"/>
                      </a:lnTo>
                      <a:lnTo>
                        <a:pt x="343" y="842"/>
                      </a:lnTo>
                      <a:lnTo>
                        <a:pt x="323" y="768"/>
                      </a:lnTo>
                      <a:lnTo>
                        <a:pt x="310" y="682"/>
                      </a:lnTo>
                      <a:lnTo>
                        <a:pt x="282" y="600"/>
                      </a:lnTo>
                      <a:lnTo>
                        <a:pt x="250" y="529"/>
                      </a:lnTo>
                      <a:lnTo>
                        <a:pt x="218" y="446"/>
                      </a:lnTo>
                      <a:lnTo>
                        <a:pt x="178" y="376"/>
                      </a:lnTo>
                      <a:lnTo>
                        <a:pt x="141" y="305"/>
                      </a:lnTo>
                      <a:lnTo>
                        <a:pt x="108" y="232"/>
                      </a:lnTo>
                      <a:lnTo>
                        <a:pt x="63" y="162"/>
                      </a:lnTo>
                      <a:lnTo>
                        <a:pt x="35" y="82"/>
                      </a:lnTo>
                      <a:lnTo>
                        <a:pt x="3" y="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39" name="Freeform 78">
                  <a:extLst>
                    <a:ext uri="{FF2B5EF4-FFF2-40B4-BE49-F238E27FC236}">
                      <a16:creationId xmlns:a16="http://schemas.microsoft.com/office/drawing/2014/main" id="{3BBF573B-C776-40BE-8C70-153C8588E50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363" y="2804"/>
                  <a:ext cx="201" cy="255"/>
                </a:xfrm>
                <a:custGeom>
                  <a:avLst/>
                  <a:gdLst>
                    <a:gd name="T0" fmla="*/ 0 w 404"/>
                    <a:gd name="T1" fmla="*/ 1 h 510"/>
                    <a:gd name="T2" fmla="*/ 0 w 404"/>
                    <a:gd name="T3" fmla="*/ 1 h 510"/>
                    <a:gd name="T4" fmla="*/ 0 w 404"/>
                    <a:gd name="T5" fmla="*/ 1 h 510"/>
                    <a:gd name="T6" fmla="*/ 0 w 404"/>
                    <a:gd name="T7" fmla="*/ 1 h 510"/>
                    <a:gd name="T8" fmla="*/ 0 w 404"/>
                    <a:gd name="T9" fmla="*/ 1 h 510"/>
                    <a:gd name="T10" fmla="*/ 0 w 404"/>
                    <a:gd name="T11" fmla="*/ 1 h 510"/>
                    <a:gd name="T12" fmla="*/ 0 w 404"/>
                    <a:gd name="T13" fmla="*/ 1 h 510"/>
                    <a:gd name="T14" fmla="*/ 0 w 404"/>
                    <a:gd name="T15" fmla="*/ 1 h 510"/>
                    <a:gd name="T16" fmla="*/ 0 w 404"/>
                    <a:gd name="T17" fmla="*/ 1 h 510"/>
                    <a:gd name="T18" fmla="*/ 0 w 404"/>
                    <a:gd name="T19" fmla="*/ 1 h 510"/>
                    <a:gd name="T20" fmla="*/ 0 w 404"/>
                    <a:gd name="T21" fmla="*/ 1 h 510"/>
                    <a:gd name="T22" fmla="*/ 0 w 404"/>
                    <a:gd name="T23" fmla="*/ 1 h 510"/>
                    <a:gd name="T24" fmla="*/ 0 w 404"/>
                    <a:gd name="T25" fmla="*/ 1 h 510"/>
                    <a:gd name="T26" fmla="*/ 0 w 404"/>
                    <a:gd name="T27" fmla="*/ 1 h 510"/>
                    <a:gd name="T28" fmla="*/ 0 w 404"/>
                    <a:gd name="T29" fmla="*/ 1 h 510"/>
                    <a:gd name="T30" fmla="*/ 0 w 404"/>
                    <a:gd name="T31" fmla="*/ 1 h 510"/>
                    <a:gd name="T32" fmla="*/ 0 w 404"/>
                    <a:gd name="T33" fmla="*/ 1 h 510"/>
                    <a:gd name="T34" fmla="*/ 0 w 404"/>
                    <a:gd name="T35" fmla="*/ 1 h 510"/>
                    <a:gd name="T36" fmla="*/ 0 w 404"/>
                    <a:gd name="T37" fmla="*/ 1 h 510"/>
                    <a:gd name="T38" fmla="*/ 0 w 404"/>
                    <a:gd name="T39" fmla="*/ 1 h 510"/>
                    <a:gd name="T40" fmla="*/ 0 w 404"/>
                    <a:gd name="T41" fmla="*/ 1 h 510"/>
                    <a:gd name="T42" fmla="*/ 0 w 404"/>
                    <a:gd name="T43" fmla="*/ 1 h 510"/>
                    <a:gd name="T44" fmla="*/ 0 w 404"/>
                    <a:gd name="T45" fmla="*/ 1 h 510"/>
                    <a:gd name="T46" fmla="*/ 0 w 404"/>
                    <a:gd name="T47" fmla="*/ 1 h 510"/>
                    <a:gd name="T48" fmla="*/ 0 w 404"/>
                    <a:gd name="T49" fmla="*/ 0 h 510"/>
                    <a:gd name="T50" fmla="*/ 0 w 404"/>
                    <a:gd name="T51" fmla="*/ 1 h 510"/>
                    <a:gd name="T52" fmla="*/ 0 w 404"/>
                    <a:gd name="T53" fmla="*/ 1 h 510"/>
                    <a:gd name="T54" fmla="*/ 0 w 404"/>
                    <a:gd name="T55" fmla="*/ 1 h 510"/>
                    <a:gd name="T56" fmla="*/ 0 w 404"/>
                    <a:gd name="T57" fmla="*/ 1 h 510"/>
                    <a:gd name="T58" fmla="*/ 0 w 404"/>
                    <a:gd name="T59" fmla="*/ 1 h 510"/>
                    <a:gd name="T60" fmla="*/ 0 w 404"/>
                    <a:gd name="T61" fmla="*/ 1 h 510"/>
                    <a:gd name="T62" fmla="*/ 0 w 404"/>
                    <a:gd name="T63" fmla="*/ 1 h 510"/>
                    <a:gd name="T64" fmla="*/ 0 w 404"/>
                    <a:gd name="T65" fmla="*/ 1 h 510"/>
                    <a:gd name="T66" fmla="*/ 0 w 404"/>
                    <a:gd name="T67" fmla="*/ 1 h 510"/>
                    <a:gd name="T68" fmla="*/ 0 w 404"/>
                    <a:gd name="T69" fmla="*/ 1 h 510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</a:gdLst>
                  <a:ahLst/>
                  <a:cxnLst>
                    <a:cxn ang="T70">
                      <a:pos x="T0" y="T1"/>
                    </a:cxn>
                    <a:cxn ang="T71">
                      <a:pos x="T2" y="T3"/>
                    </a:cxn>
                    <a:cxn ang="T72">
                      <a:pos x="T4" y="T5"/>
                    </a:cxn>
                    <a:cxn ang="T73">
                      <a:pos x="T6" y="T7"/>
                    </a:cxn>
                    <a:cxn ang="T74">
                      <a:pos x="T8" y="T9"/>
                    </a:cxn>
                    <a:cxn ang="T75">
                      <a:pos x="T10" y="T11"/>
                    </a:cxn>
                    <a:cxn ang="T76">
                      <a:pos x="T12" y="T13"/>
                    </a:cxn>
                    <a:cxn ang="T77">
                      <a:pos x="T14" y="T15"/>
                    </a:cxn>
                    <a:cxn ang="T78">
                      <a:pos x="T16" y="T17"/>
                    </a:cxn>
                    <a:cxn ang="T79">
                      <a:pos x="T18" y="T19"/>
                    </a:cxn>
                    <a:cxn ang="T80">
                      <a:pos x="T20" y="T21"/>
                    </a:cxn>
                    <a:cxn ang="T81">
                      <a:pos x="T22" y="T23"/>
                    </a:cxn>
                    <a:cxn ang="T82">
                      <a:pos x="T24" y="T25"/>
                    </a:cxn>
                    <a:cxn ang="T83">
                      <a:pos x="T26" y="T27"/>
                    </a:cxn>
                    <a:cxn ang="T84">
                      <a:pos x="T28" y="T29"/>
                    </a:cxn>
                    <a:cxn ang="T85">
                      <a:pos x="T30" y="T31"/>
                    </a:cxn>
                    <a:cxn ang="T86">
                      <a:pos x="T32" y="T33"/>
                    </a:cxn>
                    <a:cxn ang="T87">
                      <a:pos x="T34" y="T35"/>
                    </a:cxn>
                    <a:cxn ang="T88">
                      <a:pos x="T36" y="T37"/>
                    </a:cxn>
                    <a:cxn ang="T89">
                      <a:pos x="T38" y="T39"/>
                    </a:cxn>
                    <a:cxn ang="T90">
                      <a:pos x="T40" y="T41"/>
                    </a:cxn>
                    <a:cxn ang="T91">
                      <a:pos x="T42" y="T43"/>
                    </a:cxn>
                    <a:cxn ang="T92">
                      <a:pos x="T44" y="T45"/>
                    </a:cxn>
                    <a:cxn ang="T93">
                      <a:pos x="T46" y="T47"/>
                    </a:cxn>
                    <a:cxn ang="T94">
                      <a:pos x="T48" y="T49"/>
                    </a:cxn>
                    <a:cxn ang="T95">
                      <a:pos x="T50" y="T51"/>
                    </a:cxn>
                    <a:cxn ang="T96">
                      <a:pos x="T52" y="T53"/>
                    </a:cxn>
                    <a:cxn ang="T97">
                      <a:pos x="T54" y="T55"/>
                    </a:cxn>
                    <a:cxn ang="T98">
                      <a:pos x="T56" y="T57"/>
                    </a:cxn>
                    <a:cxn ang="T99">
                      <a:pos x="T58" y="T59"/>
                    </a:cxn>
                    <a:cxn ang="T100">
                      <a:pos x="T60" y="T61"/>
                    </a:cxn>
                    <a:cxn ang="T101">
                      <a:pos x="T62" y="T63"/>
                    </a:cxn>
                    <a:cxn ang="T102">
                      <a:pos x="T64" y="T65"/>
                    </a:cxn>
                    <a:cxn ang="T103">
                      <a:pos x="T66" y="T67"/>
                    </a:cxn>
                    <a:cxn ang="T104">
                      <a:pos x="T68" y="T69"/>
                    </a:cxn>
                  </a:cxnLst>
                  <a:rect l="0" t="0" r="r" b="b"/>
                  <a:pathLst>
                    <a:path w="404" h="510">
                      <a:moveTo>
                        <a:pt x="24" y="320"/>
                      </a:moveTo>
                      <a:lnTo>
                        <a:pt x="0" y="474"/>
                      </a:lnTo>
                      <a:lnTo>
                        <a:pt x="63" y="454"/>
                      </a:lnTo>
                      <a:lnTo>
                        <a:pt x="112" y="405"/>
                      </a:lnTo>
                      <a:lnTo>
                        <a:pt x="143" y="350"/>
                      </a:lnTo>
                      <a:lnTo>
                        <a:pt x="191" y="284"/>
                      </a:lnTo>
                      <a:lnTo>
                        <a:pt x="205" y="204"/>
                      </a:lnTo>
                      <a:lnTo>
                        <a:pt x="223" y="113"/>
                      </a:lnTo>
                      <a:lnTo>
                        <a:pt x="237" y="51"/>
                      </a:lnTo>
                      <a:lnTo>
                        <a:pt x="255" y="4"/>
                      </a:lnTo>
                      <a:lnTo>
                        <a:pt x="313" y="52"/>
                      </a:lnTo>
                      <a:lnTo>
                        <a:pt x="364" y="135"/>
                      </a:lnTo>
                      <a:lnTo>
                        <a:pt x="386" y="212"/>
                      </a:lnTo>
                      <a:lnTo>
                        <a:pt x="392" y="283"/>
                      </a:lnTo>
                      <a:lnTo>
                        <a:pt x="399" y="345"/>
                      </a:lnTo>
                      <a:lnTo>
                        <a:pt x="399" y="448"/>
                      </a:lnTo>
                      <a:lnTo>
                        <a:pt x="392" y="510"/>
                      </a:lnTo>
                      <a:lnTo>
                        <a:pt x="394" y="510"/>
                      </a:lnTo>
                      <a:lnTo>
                        <a:pt x="404" y="433"/>
                      </a:lnTo>
                      <a:lnTo>
                        <a:pt x="404" y="361"/>
                      </a:lnTo>
                      <a:lnTo>
                        <a:pt x="394" y="283"/>
                      </a:lnTo>
                      <a:lnTo>
                        <a:pt x="388" y="212"/>
                      </a:lnTo>
                      <a:lnTo>
                        <a:pt x="366" y="133"/>
                      </a:lnTo>
                      <a:lnTo>
                        <a:pt x="316" y="50"/>
                      </a:lnTo>
                      <a:lnTo>
                        <a:pt x="253" y="0"/>
                      </a:lnTo>
                      <a:lnTo>
                        <a:pt x="235" y="51"/>
                      </a:lnTo>
                      <a:lnTo>
                        <a:pt x="221" y="113"/>
                      </a:lnTo>
                      <a:lnTo>
                        <a:pt x="203" y="204"/>
                      </a:lnTo>
                      <a:lnTo>
                        <a:pt x="189" y="282"/>
                      </a:lnTo>
                      <a:lnTo>
                        <a:pt x="146" y="341"/>
                      </a:lnTo>
                      <a:lnTo>
                        <a:pt x="112" y="400"/>
                      </a:lnTo>
                      <a:lnTo>
                        <a:pt x="61" y="452"/>
                      </a:lnTo>
                      <a:lnTo>
                        <a:pt x="3" y="472"/>
                      </a:lnTo>
                      <a:lnTo>
                        <a:pt x="26" y="320"/>
                      </a:lnTo>
                      <a:lnTo>
                        <a:pt x="24" y="32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0" name="Freeform 79">
                  <a:extLst>
                    <a:ext uri="{FF2B5EF4-FFF2-40B4-BE49-F238E27FC236}">
                      <a16:creationId xmlns:a16="http://schemas.microsoft.com/office/drawing/2014/main" id="{E0A71965-2EDB-4978-8112-E84DA7530CA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524" y="2959"/>
                  <a:ext cx="198" cy="504"/>
                </a:xfrm>
                <a:custGeom>
                  <a:avLst/>
                  <a:gdLst>
                    <a:gd name="T0" fmla="*/ 0 w 397"/>
                    <a:gd name="T1" fmla="*/ 1 h 1007"/>
                    <a:gd name="T2" fmla="*/ 0 w 397"/>
                    <a:gd name="T3" fmla="*/ 1 h 1007"/>
                    <a:gd name="T4" fmla="*/ 0 w 397"/>
                    <a:gd name="T5" fmla="*/ 1 h 1007"/>
                    <a:gd name="T6" fmla="*/ 0 w 397"/>
                    <a:gd name="T7" fmla="*/ 1 h 1007"/>
                    <a:gd name="T8" fmla="*/ 0 w 397"/>
                    <a:gd name="T9" fmla="*/ 1 h 1007"/>
                    <a:gd name="T10" fmla="*/ 0 w 397"/>
                    <a:gd name="T11" fmla="*/ 1 h 1007"/>
                    <a:gd name="T12" fmla="*/ 0 w 397"/>
                    <a:gd name="T13" fmla="*/ 1 h 1007"/>
                    <a:gd name="T14" fmla="*/ 0 w 397"/>
                    <a:gd name="T15" fmla="*/ 1 h 1007"/>
                    <a:gd name="T16" fmla="*/ 0 w 397"/>
                    <a:gd name="T17" fmla="*/ 1 h 1007"/>
                    <a:gd name="T18" fmla="*/ 0 w 397"/>
                    <a:gd name="T19" fmla="*/ 1 h 1007"/>
                    <a:gd name="T20" fmla="*/ 0 w 397"/>
                    <a:gd name="T21" fmla="*/ 1 h 1007"/>
                    <a:gd name="T22" fmla="*/ 0 w 397"/>
                    <a:gd name="T23" fmla="*/ 1 h 1007"/>
                    <a:gd name="T24" fmla="*/ 0 w 397"/>
                    <a:gd name="T25" fmla="*/ 1 h 1007"/>
                    <a:gd name="T26" fmla="*/ 0 w 397"/>
                    <a:gd name="T27" fmla="*/ 1 h 1007"/>
                    <a:gd name="T28" fmla="*/ 0 w 397"/>
                    <a:gd name="T29" fmla="*/ 1 h 1007"/>
                    <a:gd name="T30" fmla="*/ 0 w 397"/>
                    <a:gd name="T31" fmla="*/ 1 h 1007"/>
                    <a:gd name="T32" fmla="*/ 0 w 397"/>
                    <a:gd name="T33" fmla="*/ 1 h 1007"/>
                    <a:gd name="T34" fmla="*/ 0 w 397"/>
                    <a:gd name="T35" fmla="*/ 1 h 1007"/>
                    <a:gd name="T36" fmla="*/ 0 w 397"/>
                    <a:gd name="T37" fmla="*/ 1 h 1007"/>
                    <a:gd name="T38" fmla="*/ 0 w 397"/>
                    <a:gd name="T39" fmla="*/ 1 h 1007"/>
                    <a:gd name="T40" fmla="*/ 0 w 397"/>
                    <a:gd name="T41" fmla="*/ 1 h 1007"/>
                    <a:gd name="T42" fmla="*/ 0 w 397"/>
                    <a:gd name="T43" fmla="*/ 1 h 1007"/>
                    <a:gd name="T44" fmla="*/ 0 w 397"/>
                    <a:gd name="T45" fmla="*/ 1 h 1007"/>
                    <a:gd name="T46" fmla="*/ 0 w 397"/>
                    <a:gd name="T47" fmla="*/ 1 h 1007"/>
                    <a:gd name="T48" fmla="*/ 0 w 397"/>
                    <a:gd name="T49" fmla="*/ 1 h 1007"/>
                    <a:gd name="T50" fmla="*/ 0 w 397"/>
                    <a:gd name="T51" fmla="*/ 1 h 1007"/>
                    <a:gd name="T52" fmla="*/ 0 w 397"/>
                    <a:gd name="T53" fmla="*/ 1 h 1007"/>
                    <a:gd name="T54" fmla="*/ 0 w 397"/>
                    <a:gd name="T55" fmla="*/ 1 h 1007"/>
                    <a:gd name="T56" fmla="*/ 0 w 397"/>
                    <a:gd name="T57" fmla="*/ 1 h 1007"/>
                    <a:gd name="T58" fmla="*/ 0 w 397"/>
                    <a:gd name="T59" fmla="*/ 1 h 1007"/>
                    <a:gd name="T60" fmla="*/ 0 w 397"/>
                    <a:gd name="T61" fmla="*/ 0 h 1007"/>
                    <a:gd name="T62" fmla="*/ 0 w 397"/>
                    <a:gd name="T63" fmla="*/ 1 h 1007"/>
                    <a:gd name="T64" fmla="*/ 0 w 397"/>
                    <a:gd name="T65" fmla="*/ 1 h 1007"/>
                    <a:gd name="T66" fmla="*/ 0 w 397"/>
                    <a:gd name="T67" fmla="*/ 1 h 1007"/>
                    <a:gd name="T68" fmla="*/ 0 w 397"/>
                    <a:gd name="T69" fmla="*/ 1 h 1007"/>
                    <a:gd name="T70" fmla="*/ 0 w 397"/>
                    <a:gd name="T71" fmla="*/ 1 h 1007"/>
                    <a:gd name="T72" fmla="*/ 0 w 397"/>
                    <a:gd name="T73" fmla="*/ 1 h 1007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</a:gdLst>
                  <a:ahLst/>
                  <a:cxnLst>
                    <a:cxn ang="T74">
                      <a:pos x="T0" y="T1"/>
                    </a:cxn>
                    <a:cxn ang="T75">
                      <a:pos x="T2" y="T3"/>
                    </a:cxn>
                    <a:cxn ang="T76">
                      <a:pos x="T4" y="T5"/>
                    </a:cxn>
                    <a:cxn ang="T77">
                      <a:pos x="T6" y="T7"/>
                    </a:cxn>
                    <a:cxn ang="T78">
                      <a:pos x="T8" y="T9"/>
                    </a:cxn>
                    <a:cxn ang="T79">
                      <a:pos x="T10" y="T11"/>
                    </a:cxn>
                    <a:cxn ang="T80">
                      <a:pos x="T12" y="T13"/>
                    </a:cxn>
                    <a:cxn ang="T81">
                      <a:pos x="T14" y="T15"/>
                    </a:cxn>
                    <a:cxn ang="T82">
                      <a:pos x="T16" y="T17"/>
                    </a:cxn>
                    <a:cxn ang="T83">
                      <a:pos x="T18" y="T19"/>
                    </a:cxn>
                    <a:cxn ang="T84">
                      <a:pos x="T20" y="T21"/>
                    </a:cxn>
                    <a:cxn ang="T85">
                      <a:pos x="T22" y="T23"/>
                    </a:cxn>
                    <a:cxn ang="T86">
                      <a:pos x="T24" y="T25"/>
                    </a:cxn>
                    <a:cxn ang="T87">
                      <a:pos x="T26" y="T27"/>
                    </a:cxn>
                    <a:cxn ang="T88">
                      <a:pos x="T28" y="T29"/>
                    </a:cxn>
                    <a:cxn ang="T89">
                      <a:pos x="T30" y="T31"/>
                    </a:cxn>
                    <a:cxn ang="T90">
                      <a:pos x="T32" y="T33"/>
                    </a:cxn>
                    <a:cxn ang="T91">
                      <a:pos x="T34" y="T35"/>
                    </a:cxn>
                    <a:cxn ang="T92">
                      <a:pos x="T36" y="T37"/>
                    </a:cxn>
                    <a:cxn ang="T93">
                      <a:pos x="T38" y="T39"/>
                    </a:cxn>
                    <a:cxn ang="T94">
                      <a:pos x="T40" y="T41"/>
                    </a:cxn>
                    <a:cxn ang="T95">
                      <a:pos x="T42" y="T43"/>
                    </a:cxn>
                    <a:cxn ang="T96">
                      <a:pos x="T44" y="T45"/>
                    </a:cxn>
                    <a:cxn ang="T97">
                      <a:pos x="T46" y="T47"/>
                    </a:cxn>
                    <a:cxn ang="T98">
                      <a:pos x="T48" y="T49"/>
                    </a:cxn>
                    <a:cxn ang="T99">
                      <a:pos x="T50" y="T51"/>
                    </a:cxn>
                    <a:cxn ang="T100">
                      <a:pos x="T52" y="T53"/>
                    </a:cxn>
                    <a:cxn ang="T101">
                      <a:pos x="T54" y="T55"/>
                    </a:cxn>
                    <a:cxn ang="T102">
                      <a:pos x="T56" y="T57"/>
                    </a:cxn>
                    <a:cxn ang="T103">
                      <a:pos x="T58" y="T59"/>
                    </a:cxn>
                    <a:cxn ang="T104">
                      <a:pos x="T60" y="T61"/>
                    </a:cxn>
                    <a:cxn ang="T105">
                      <a:pos x="T62" y="T63"/>
                    </a:cxn>
                    <a:cxn ang="T106">
                      <a:pos x="T64" y="T65"/>
                    </a:cxn>
                    <a:cxn ang="T107">
                      <a:pos x="T66" y="T67"/>
                    </a:cxn>
                    <a:cxn ang="T108">
                      <a:pos x="T68" y="T69"/>
                    </a:cxn>
                    <a:cxn ang="T109">
                      <a:pos x="T70" y="T71"/>
                    </a:cxn>
                    <a:cxn ang="T110">
                      <a:pos x="T72" y="T73"/>
                    </a:cxn>
                  </a:cxnLst>
                  <a:rect l="0" t="0" r="r" b="b"/>
                  <a:pathLst>
                    <a:path w="397" h="1007">
                      <a:moveTo>
                        <a:pt x="70" y="199"/>
                      </a:moveTo>
                      <a:lnTo>
                        <a:pt x="49" y="239"/>
                      </a:lnTo>
                      <a:lnTo>
                        <a:pt x="49" y="307"/>
                      </a:lnTo>
                      <a:lnTo>
                        <a:pt x="53" y="308"/>
                      </a:lnTo>
                      <a:lnTo>
                        <a:pt x="131" y="250"/>
                      </a:lnTo>
                      <a:lnTo>
                        <a:pt x="342" y="48"/>
                      </a:lnTo>
                      <a:lnTo>
                        <a:pt x="395" y="4"/>
                      </a:lnTo>
                      <a:lnTo>
                        <a:pt x="377" y="91"/>
                      </a:lnTo>
                      <a:lnTo>
                        <a:pt x="340" y="186"/>
                      </a:lnTo>
                      <a:lnTo>
                        <a:pt x="303" y="269"/>
                      </a:lnTo>
                      <a:lnTo>
                        <a:pt x="284" y="353"/>
                      </a:lnTo>
                      <a:lnTo>
                        <a:pt x="284" y="438"/>
                      </a:lnTo>
                      <a:lnTo>
                        <a:pt x="262" y="514"/>
                      </a:lnTo>
                      <a:lnTo>
                        <a:pt x="239" y="609"/>
                      </a:lnTo>
                      <a:lnTo>
                        <a:pt x="220" y="695"/>
                      </a:lnTo>
                      <a:lnTo>
                        <a:pt x="162" y="809"/>
                      </a:lnTo>
                      <a:lnTo>
                        <a:pt x="83" y="906"/>
                      </a:lnTo>
                      <a:lnTo>
                        <a:pt x="0" y="1005"/>
                      </a:lnTo>
                      <a:lnTo>
                        <a:pt x="2" y="1007"/>
                      </a:lnTo>
                      <a:lnTo>
                        <a:pt x="85" y="908"/>
                      </a:lnTo>
                      <a:lnTo>
                        <a:pt x="162" y="814"/>
                      </a:lnTo>
                      <a:lnTo>
                        <a:pt x="223" y="695"/>
                      </a:lnTo>
                      <a:lnTo>
                        <a:pt x="242" y="609"/>
                      </a:lnTo>
                      <a:lnTo>
                        <a:pt x="264" y="514"/>
                      </a:lnTo>
                      <a:lnTo>
                        <a:pt x="289" y="431"/>
                      </a:lnTo>
                      <a:lnTo>
                        <a:pt x="289" y="344"/>
                      </a:lnTo>
                      <a:lnTo>
                        <a:pt x="305" y="269"/>
                      </a:lnTo>
                      <a:lnTo>
                        <a:pt x="342" y="186"/>
                      </a:lnTo>
                      <a:lnTo>
                        <a:pt x="379" y="91"/>
                      </a:lnTo>
                      <a:lnTo>
                        <a:pt x="397" y="1"/>
                      </a:lnTo>
                      <a:lnTo>
                        <a:pt x="395" y="0"/>
                      </a:lnTo>
                      <a:lnTo>
                        <a:pt x="340" y="46"/>
                      </a:lnTo>
                      <a:lnTo>
                        <a:pt x="129" y="248"/>
                      </a:lnTo>
                      <a:lnTo>
                        <a:pt x="54" y="304"/>
                      </a:lnTo>
                      <a:lnTo>
                        <a:pt x="54" y="235"/>
                      </a:lnTo>
                      <a:lnTo>
                        <a:pt x="72" y="199"/>
                      </a:lnTo>
                      <a:lnTo>
                        <a:pt x="70" y="199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1" name="Freeform 80">
                  <a:extLst>
                    <a:ext uri="{FF2B5EF4-FFF2-40B4-BE49-F238E27FC236}">
                      <a16:creationId xmlns:a16="http://schemas.microsoft.com/office/drawing/2014/main" id="{998A11B1-917C-443F-B184-AC38765426A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91" y="3462"/>
                  <a:ext cx="334" cy="125"/>
                </a:xfrm>
                <a:custGeom>
                  <a:avLst/>
                  <a:gdLst>
                    <a:gd name="T0" fmla="*/ 1 w 668"/>
                    <a:gd name="T1" fmla="*/ 0 h 251"/>
                    <a:gd name="T2" fmla="*/ 1 w 668"/>
                    <a:gd name="T3" fmla="*/ 0 h 251"/>
                    <a:gd name="T4" fmla="*/ 1 w 668"/>
                    <a:gd name="T5" fmla="*/ 0 h 251"/>
                    <a:gd name="T6" fmla="*/ 1 w 668"/>
                    <a:gd name="T7" fmla="*/ 0 h 251"/>
                    <a:gd name="T8" fmla="*/ 1 w 668"/>
                    <a:gd name="T9" fmla="*/ 0 h 251"/>
                    <a:gd name="T10" fmla="*/ 1 w 668"/>
                    <a:gd name="T11" fmla="*/ 0 h 251"/>
                    <a:gd name="T12" fmla="*/ 1 w 668"/>
                    <a:gd name="T13" fmla="*/ 0 h 251"/>
                    <a:gd name="T14" fmla="*/ 1 w 668"/>
                    <a:gd name="T15" fmla="*/ 0 h 251"/>
                    <a:gd name="T16" fmla="*/ 0 w 668"/>
                    <a:gd name="T17" fmla="*/ 0 h 251"/>
                    <a:gd name="T18" fmla="*/ 1 w 668"/>
                    <a:gd name="T19" fmla="*/ 0 h 251"/>
                    <a:gd name="T20" fmla="*/ 1 w 668"/>
                    <a:gd name="T21" fmla="*/ 0 h 251"/>
                    <a:gd name="T22" fmla="*/ 1 w 668"/>
                    <a:gd name="T23" fmla="*/ 0 h 251"/>
                    <a:gd name="T24" fmla="*/ 1 w 668"/>
                    <a:gd name="T25" fmla="*/ 0 h 251"/>
                    <a:gd name="T26" fmla="*/ 1 w 668"/>
                    <a:gd name="T27" fmla="*/ 0 h 251"/>
                    <a:gd name="T28" fmla="*/ 1 w 668"/>
                    <a:gd name="T29" fmla="*/ 0 h 251"/>
                    <a:gd name="T30" fmla="*/ 1 w 668"/>
                    <a:gd name="T31" fmla="*/ 0 h 251"/>
                    <a:gd name="T32" fmla="*/ 1 w 668"/>
                    <a:gd name="T33" fmla="*/ 0 h 251"/>
                    <a:gd name="T34" fmla="*/ 1 w 668"/>
                    <a:gd name="T35" fmla="*/ 0 h 251"/>
                    <a:gd name="T36" fmla="*/ 0 60000 65536"/>
                    <a:gd name="T37" fmla="*/ 0 60000 65536"/>
                    <a:gd name="T38" fmla="*/ 0 60000 65536"/>
                    <a:gd name="T39" fmla="*/ 0 60000 65536"/>
                    <a:gd name="T40" fmla="*/ 0 60000 65536"/>
                    <a:gd name="T41" fmla="*/ 0 60000 65536"/>
                    <a:gd name="T42" fmla="*/ 0 60000 65536"/>
                    <a:gd name="T43" fmla="*/ 0 60000 65536"/>
                    <a:gd name="T44" fmla="*/ 0 60000 65536"/>
                    <a:gd name="T45" fmla="*/ 0 60000 65536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</a:gdLst>
                  <a:ahLst/>
                  <a:cxnLst>
                    <a:cxn ang="T36">
                      <a:pos x="T0" y="T1"/>
                    </a:cxn>
                    <a:cxn ang="T37">
                      <a:pos x="T2" y="T3"/>
                    </a:cxn>
                    <a:cxn ang="T38">
                      <a:pos x="T4" y="T5"/>
                    </a:cxn>
                    <a:cxn ang="T39">
                      <a:pos x="T6" y="T7"/>
                    </a:cxn>
                    <a:cxn ang="T40">
                      <a:pos x="T8" y="T9"/>
                    </a:cxn>
                    <a:cxn ang="T41">
                      <a:pos x="T10" y="T11"/>
                    </a:cxn>
                    <a:cxn ang="T42">
                      <a:pos x="T12" y="T13"/>
                    </a:cxn>
                    <a:cxn ang="T43">
                      <a:pos x="T14" y="T15"/>
                    </a:cxn>
                    <a:cxn ang="T44">
                      <a:pos x="T16" y="T17"/>
                    </a:cxn>
                    <a:cxn ang="T45">
                      <a:pos x="T18" y="T19"/>
                    </a:cxn>
                    <a:cxn ang="T46">
                      <a:pos x="T20" y="T21"/>
                    </a:cxn>
                    <a:cxn ang="T47">
                      <a:pos x="T22" y="T23"/>
                    </a:cxn>
                    <a:cxn ang="T48">
                      <a:pos x="T24" y="T25"/>
                    </a:cxn>
                    <a:cxn ang="T49">
                      <a:pos x="T26" y="T27"/>
                    </a:cxn>
                    <a:cxn ang="T50">
                      <a:pos x="T28" y="T29"/>
                    </a:cxn>
                    <a:cxn ang="T51">
                      <a:pos x="T30" y="T31"/>
                    </a:cxn>
                    <a:cxn ang="T52">
                      <a:pos x="T32" y="T33"/>
                    </a:cxn>
                    <a:cxn ang="T53">
                      <a:pos x="T34" y="T35"/>
                    </a:cxn>
                  </a:cxnLst>
                  <a:rect l="0" t="0" r="r" b="b"/>
                  <a:pathLst>
                    <a:path w="668" h="251">
                      <a:moveTo>
                        <a:pt x="666" y="0"/>
                      </a:moveTo>
                      <a:lnTo>
                        <a:pt x="578" y="72"/>
                      </a:lnTo>
                      <a:lnTo>
                        <a:pt x="489" y="120"/>
                      </a:lnTo>
                      <a:lnTo>
                        <a:pt x="410" y="157"/>
                      </a:lnTo>
                      <a:lnTo>
                        <a:pt x="313" y="195"/>
                      </a:lnTo>
                      <a:lnTo>
                        <a:pt x="226" y="215"/>
                      </a:lnTo>
                      <a:lnTo>
                        <a:pt x="158" y="239"/>
                      </a:lnTo>
                      <a:lnTo>
                        <a:pt x="6" y="248"/>
                      </a:lnTo>
                      <a:lnTo>
                        <a:pt x="0" y="248"/>
                      </a:lnTo>
                      <a:lnTo>
                        <a:pt x="1" y="251"/>
                      </a:lnTo>
                      <a:lnTo>
                        <a:pt x="158" y="242"/>
                      </a:lnTo>
                      <a:lnTo>
                        <a:pt x="226" y="217"/>
                      </a:lnTo>
                      <a:lnTo>
                        <a:pt x="313" y="197"/>
                      </a:lnTo>
                      <a:lnTo>
                        <a:pt x="410" y="159"/>
                      </a:lnTo>
                      <a:lnTo>
                        <a:pt x="489" y="122"/>
                      </a:lnTo>
                      <a:lnTo>
                        <a:pt x="582" y="72"/>
                      </a:lnTo>
                      <a:lnTo>
                        <a:pt x="668" y="2"/>
                      </a:lnTo>
                      <a:lnTo>
                        <a:pt x="666" y="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2" name="Freeform 81">
                  <a:extLst>
                    <a:ext uri="{FF2B5EF4-FFF2-40B4-BE49-F238E27FC236}">
                      <a16:creationId xmlns:a16="http://schemas.microsoft.com/office/drawing/2014/main" id="{14104AD1-8177-4833-8537-9B47CBE5C03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91" y="3300"/>
                  <a:ext cx="166" cy="286"/>
                </a:xfrm>
                <a:custGeom>
                  <a:avLst/>
                  <a:gdLst>
                    <a:gd name="T0" fmla="*/ 0 w 333"/>
                    <a:gd name="T1" fmla="*/ 1 h 571"/>
                    <a:gd name="T2" fmla="*/ 0 w 333"/>
                    <a:gd name="T3" fmla="*/ 1 h 571"/>
                    <a:gd name="T4" fmla="*/ 0 w 333"/>
                    <a:gd name="T5" fmla="*/ 1 h 571"/>
                    <a:gd name="T6" fmla="*/ 0 w 333"/>
                    <a:gd name="T7" fmla="*/ 1 h 571"/>
                    <a:gd name="T8" fmla="*/ 0 w 333"/>
                    <a:gd name="T9" fmla="*/ 1 h 571"/>
                    <a:gd name="T10" fmla="*/ 0 w 333"/>
                    <a:gd name="T11" fmla="*/ 1 h 571"/>
                    <a:gd name="T12" fmla="*/ 0 w 333"/>
                    <a:gd name="T13" fmla="*/ 1 h 571"/>
                    <a:gd name="T14" fmla="*/ 0 w 333"/>
                    <a:gd name="T15" fmla="*/ 1 h 571"/>
                    <a:gd name="T16" fmla="*/ 0 w 333"/>
                    <a:gd name="T17" fmla="*/ 0 h 571"/>
                    <a:gd name="T18" fmla="*/ 0 w 333"/>
                    <a:gd name="T19" fmla="*/ 1 h 571"/>
                    <a:gd name="T20" fmla="*/ 0 w 333"/>
                    <a:gd name="T21" fmla="*/ 1 h 571"/>
                    <a:gd name="T22" fmla="*/ 0 w 333"/>
                    <a:gd name="T23" fmla="*/ 1 h 571"/>
                    <a:gd name="T24" fmla="*/ 0 w 333"/>
                    <a:gd name="T25" fmla="*/ 1 h 571"/>
                    <a:gd name="T26" fmla="*/ 0 w 333"/>
                    <a:gd name="T27" fmla="*/ 1 h 571"/>
                    <a:gd name="T28" fmla="*/ 0 w 333"/>
                    <a:gd name="T29" fmla="*/ 1 h 571"/>
                    <a:gd name="T30" fmla="*/ 0 w 333"/>
                    <a:gd name="T31" fmla="*/ 1 h 571"/>
                    <a:gd name="T32" fmla="*/ 0 w 333"/>
                    <a:gd name="T33" fmla="*/ 1 h 571"/>
                    <a:gd name="T34" fmla="*/ 0 w 333"/>
                    <a:gd name="T35" fmla="*/ 1 h 571"/>
                    <a:gd name="T36" fmla="*/ 0 w 333"/>
                    <a:gd name="T37" fmla="*/ 1 h 571"/>
                    <a:gd name="T38" fmla="*/ 0 60000 65536"/>
                    <a:gd name="T39" fmla="*/ 0 60000 65536"/>
                    <a:gd name="T40" fmla="*/ 0 60000 65536"/>
                    <a:gd name="T41" fmla="*/ 0 60000 65536"/>
                    <a:gd name="T42" fmla="*/ 0 60000 65536"/>
                    <a:gd name="T43" fmla="*/ 0 60000 65536"/>
                    <a:gd name="T44" fmla="*/ 0 60000 65536"/>
                    <a:gd name="T45" fmla="*/ 0 60000 65536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</a:gdLst>
                  <a:ahLst/>
                  <a:cxnLst>
                    <a:cxn ang="T38">
                      <a:pos x="T0" y="T1"/>
                    </a:cxn>
                    <a:cxn ang="T39">
                      <a:pos x="T2" y="T3"/>
                    </a:cxn>
                    <a:cxn ang="T40">
                      <a:pos x="T4" y="T5"/>
                    </a:cxn>
                    <a:cxn ang="T41">
                      <a:pos x="T6" y="T7"/>
                    </a:cxn>
                    <a:cxn ang="T42">
                      <a:pos x="T8" y="T9"/>
                    </a:cxn>
                    <a:cxn ang="T43">
                      <a:pos x="T10" y="T11"/>
                    </a:cxn>
                    <a:cxn ang="T44">
                      <a:pos x="T12" y="T13"/>
                    </a:cxn>
                    <a:cxn ang="T45">
                      <a:pos x="T14" y="T15"/>
                    </a:cxn>
                    <a:cxn ang="T46">
                      <a:pos x="T16" y="T17"/>
                    </a:cxn>
                    <a:cxn ang="T47">
                      <a:pos x="T18" y="T19"/>
                    </a:cxn>
                    <a:cxn ang="T48">
                      <a:pos x="T20" y="T21"/>
                    </a:cxn>
                    <a:cxn ang="T49">
                      <a:pos x="T22" y="T23"/>
                    </a:cxn>
                    <a:cxn ang="T50">
                      <a:pos x="T24" y="T25"/>
                    </a:cxn>
                    <a:cxn ang="T51">
                      <a:pos x="T26" y="T27"/>
                    </a:cxn>
                    <a:cxn ang="T52">
                      <a:pos x="T28" y="T29"/>
                    </a:cxn>
                    <a:cxn ang="T53">
                      <a:pos x="T30" y="T31"/>
                    </a:cxn>
                    <a:cxn ang="T54">
                      <a:pos x="T32" y="T33"/>
                    </a:cxn>
                    <a:cxn ang="T55">
                      <a:pos x="T34" y="T35"/>
                    </a:cxn>
                    <a:cxn ang="T56">
                      <a:pos x="T36" y="T37"/>
                    </a:cxn>
                  </a:cxnLst>
                  <a:rect l="0" t="0" r="r" b="b"/>
                  <a:pathLst>
                    <a:path w="333" h="571">
                      <a:moveTo>
                        <a:pt x="6" y="571"/>
                      </a:moveTo>
                      <a:lnTo>
                        <a:pt x="66" y="528"/>
                      </a:lnTo>
                      <a:lnTo>
                        <a:pt x="131" y="457"/>
                      </a:lnTo>
                      <a:lnTo>
                        <a:pt x="223" y="316"/>
                      </a:lnTo>
                      <a:lnTo>
                        <a:pt x="287" y="221"/>
                      </a:lnTo>
                      <a:lnTo>
                        <a:pt x="305" y="142"/>
                      </a:lnTo>
                      <a:lnTo>
                        <a:pt x="333" y="59"/>
                      </a:lnTo>
                      <a:lnTo>
                        <a:pt x="319" y="13"/>
                      </a:lnTo>
                      <a:lnTo>
                        <a:pt x="291" y="0"/>
                      </a:lnTo>
                      <a:lnTo>
                        <a:pt x="291" y="2"/>
                      </a:lnTo>
                      <a:lnTo>
                        <a:pt x="316" y="13"/>
                      </a:lnTo>
                      <a:lnTo>
                        <a:pt x="331" y="59"/>
                      </a:lnTo>
                      <a:lnTo>
                        <a:pt x="303" y="142"/>
                      </a:lnTo>
                      <a:lnTo>
                        <a:pt x="285" y="219"/>
                      </a:lnTo>
                      <a:lnTo>
                        <a:pt x="220" y="314"/>
                      </a:lnTo>
                      <a:lnTo>
                        <a:pt x="129" y="455"/>
                      </a:lnTo>
                      <a:lnTo>
                        <a:pt x="64" y="526"/>
                      </a:lnTo>
                      <a:lnTo>
                        <a:pt x="0" y="571"/>
                      </a:lnTo>
                      <a:lnTo>
                        <a:pt x="6" y="571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3" name="Freeform 82">
                  <a:extLst>
                    <a:ext uri="{FF2B5EF4-FFF2-40B4-BE49-F238E27FC236}">
                      <a16:creationId xmlns:a16="http://schemas.microsoft.com/office/drawing/2014/main" id="{58FC98A2-17A2-44EC-A6BA-65A0F2F79F6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47" y="3264"/>
                  <a:ext cx="189" cy="112"/>
                </a:xfrm>
                <a:custGeom>
                  <a:avLst/>
                  <a:gdLst>
                    <a:gd name="T0" fmla="*/ 1 w 378"/>
                    <a:gd name="T1" fmla="*/ 0 h 226"/>
                    <a:gd name="T2" fmla="*/ 1 w 378"/>
                    <a:gd name="T3" fmla="*/ 0 h 226"/>
                    <a:gd name="T4" fmla="*/ 1 w 378"/>
                    <a:gd name="T5" fmla="*/ 0 h 226"/>
                    <a:gd name="T6" fmla="*/ 1 w 378"/>
                    <a:gd name="T7" fmla="*/ 0 h 226"/>
                    <a:gd name="T8" fmla="*/ 1 w 378"/>
                    <a:gd name="T9" fmla="*/ 0 h 226"/>
                    <a:gd name="T10" fmla="*/ 1 w 378"/>
                    <a:gd name="T11" fmla="*/ 0 h 226"/>
                    <a:gd name="T12" fmla="*/ 1 w 378"/>
                    <a:gd name="T13" fmla="*/ 0 h 226"/>
                    <a:gd name="T14" fmla="*/ 1 w 378"/>
                    <a:gd name="T15" fmla="*/ 0 h 226"/>
                    <a:gd name="T16" fmla="*/ 1 w 378"/>
                    <a:gd name="T17" fmla="*/ 0 h 226"/>
                    <a:gd name="T18" fmla="*/ 1 w 378"/>
                    <a:gd name="T19" fmla="*/ 0 h 226"/>
                    <a:gd name="T20" fmla="*/ 1 w 378"/>
                    <a:gd name="T21" fmla="*/ 0 h 226"/>
                    <a:gd name="T22" fmla="*/ 1 w 378"/>
                    <a:gd name="T23" fmla="*/ 0 h 226"/>
                    <a:gd name="T24" fmla="*/ 1 w 378"/>
                    <a:gd name="T25" fmla="*/ 0 h 226"/>
                    <a:gd name="T26" fmla="*/ 1 w 378"/>
                    <a:gd name="T27" fmla="*/ 0 h 226"/>
                    <a:gd name="T28" fmla="*/ 1 w 378"/>
                    <a:gd name="T29" fmla="*/ 0 h 226"/>
                    <a:gd name="T30" fmla="*/ 1 w 378"/>
                    <a:gd name="T31" fmla="*/ 0 h 226"/>
                    <a:gd name="T32" fmla="*/ 0 w 378"/>
                    <a:gd name="T33" fmla="*/ 0 h 226"/>
                    <a:gd name="T34" fmla="*/ 1 w 378"/>
                    <a:gd name="T35" fmla="*/ 0 h 226"/>
                    <a:gd name="T36" fmla="*/ 1 w 378"/>
                    <a:gd name="T37" fmla="*/ 0 h 226"/>
                    <a:gd name="T38" fmla="*/ 1 w 378"/>
                    <a:gd name="T39" fmla="*/ 0 h 226"/>
                    <a:gd name="T40" fmla="*/ 1 w 378"/>
                    <a:gd name="T41" fmla="*/ 0 h 226"/>
                    <a:gd name="T42" fmla="*/ 1 w 378"/>
                    <a:gd name="T43" fmla="*/ 0 h 226"/>
                    <a:gd name="T44" fmla="*/ 1 w 378"/>
                    <a:gd name="T45" fmla="*/ 0 h 226"/>
                    <a:gd name="T46" fmla="*/ 1 w 378"/>
                    <a:gd name="T47" fmla="*/ 0 h 226"/>
                    <a:gd name="T48" fmla="*/ 1 w 378"/>
                    <a:gd name="T49" fmla="*/ 0 h 226"/>
                    <a:gd name="T50" fmla="*/ 1 w 378"/>
                    <a:gd name="T51" fmla="*/ 0 h 226"/>
                    <a:gd name="T52" fmla="*/ 1 w 378"/>
                    <a:gd name="T53" fmla="*/ 0 h 226"/>
                    <a:gd name="T54" fmla="*/ 1 w 378"/>
                    <a:gd name="T55" fmla="*/ 0 h 226"/>
                    <a:gd name="T56" fmla="*/ 1 w 378"/>
                    <a:gd name="T57" fmla="*/ 0 h 226"/>
                    <a:gd name="T58" fmla="*/ 1 w 378"/>
                    <a:gd name="T59" fmla="*/ 0 h 226"/>
                    <a:gd name="T60" fmla="*/ 1 w 378"/>
                    <a:gd name="T61" fmla="*/ 0 h 226"/>
                    <a:gd name="T62" fmla="*/ 1 w 378"/>
                    <a:gd name="T63" fmla="*/ 0 h 226"/>
                    <a:gd name="T64" fmla="*/ 1 w 378"/>
                    <a:gd name="T65" fmla="*/ 0 h 22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</a:gdLst>
                  <a:ahLst/>
                  <a:cxnLst>
                    <a:cxn ang="T66">
                      <a:pos x="T0" y="T1"/>
                    </a:cxn>
                    <a:cxn ang="T67">
                      <a:pos x="T2" y="T3"/>
                    </a:cxn>
                    <a:cxn ang="T68">
                      <a:pos x="T4" y="T5"/>
                    </a:cxn>
                    <a:cxn ang="T69">
                      <a:pos x="T6" y="T7"/>
                    </a:cxn>
                    <a:cxn ang="T70">
                      <a:pos x="T8" y="T9"/>
                    </a:cxn>
                    <a:cxn ang="T71">
                      <a:pos x="T10" y="T11"/>
                    </a:cxn>
                    <a:cxn ang="T72">
                      <a:pos x="T12" y="T13"/>
                    </a:cxn>
                    <a:cxn ang="T73">
                      <a:pos x="T14" y="T15"/>
                    </a:cxn>
                    <a:cxn ang="T74">
                      <a:pos x="T16" y="T17"/>
                    </a:cxn>
                    <a:cxn ang="T75">
                      <a:pos x="T18" y="T19"/>
                    </a:cxn>
                    <a:cxn ang="T76">
                      <a:pos x="T20" y="T21"/>
                    </a:cxn>
                    <a:cxn ang="T77">
                      <a:pos x="T22" y="T23"/>
                    </a:cxn>
                    <a:cxn ang="T78">
                      <a:pos x="T24" y="T25"/>
                    </a:cxn>
                    <a:cxn ang="T79">
                      <a:pos x="T26" y="T27"/>
                    </a:cxn>
                    <a:cxn ang="T80">
                      <a:pos x="T28" y="T29"/>
                    </a:cxn>
                    <a:cxn ang="T81">
                      <a:pos x="T30" y="T31"/>
                    </a:cxn>
                    <a:cxn ang="T82">
                      <a:pos x="T32" y="T33"/>
                    </a:cxn>
                    <a:cxn ang="T83">
                      <a:pos x="T34" y="T35"/>
                    </a:cxn>
                    <a:cxn ang="T84">
                      <a:pos x="T36" y="T37"/>
                    </a:cxn>
                    <a:cxn ang="T85">
                      <a:pos x="T38" y="T39"/>
                    </a:cxn>
                    <a:cxn ang="T86">
                      <a:pos x="T40" y="T41"/>
                    </a:cxn>
                    <a:cxn ang="T87">
                      <a:pos x="T42" y="T43"/>
                    </a:cxn>
                    <a:cxn ang="T88">
                      <a:pos x="T44" y="T45"/>
                    </a:cxn>
                    <a:cxn ang="T89">
                      <a:pos x="T46" y="T47"/>
                    </a:cxn>
                    <a:cxn ang="T90">
                      <a:pos x="T48" y="T49"/>
                    </a:cxn>
                    <a:cxn ang="T91">
                      <a:pos x="T50" y="T51"/>
                    </a:cxn>
                    <a:cxn ang="T92">
                      <a:pos x="T52" y="T53"/>
                    </a:cxn>
                    <a:cxn ang="T93">
                      <a:pos x="T54" y="T55"/>
                    </a:cxn>
                    <a:cxn ang="T94">
                      <a:pos x="T56" y="T57"/>
                    </a:cxn>
                    <a:cxn ang="T95">
                      <a:pos x="T58" y="T59"/>
                    </a:cxn>
                    <a:cxn ang="T96">
                      <a:pos x="T60" y="T61"/>
                    </a:cxn>
                    <a:cxn ang="T97">
                      <a:pos x="T62" y="T63"/>
                    </a:cxn>
                    <a:cxn ang="T98">
                      <a:pos x="T64" y="T65"/>
                    </a:cxn>
                  </a:cxnLst>
                  <a:rect l="0" t="0" r="r" b="b"/>
                  <a:pathLst>
                    <a:path w="378" h="226">
                      <a:moveTo>
                        <a:pt x="378" y="74"/>
                      </a:moveTo>
                      <a:lnTo>
                        <a:pt x="349" y="103"/>
                      </a:lnTo>
                      <a:lnTo>
                        <a:pt x="294" y="140"/>
                      </a:lnTo>
                      <a:lnTo>
                        <a:pt x="248" y="173"/>
                      </a:lnTo>
                      <a:lnTo>
                        <a:pt x="216" y="198"/>
                      </a:lnTo>
                      <a:lnTo>
                        <a:pt x="203" y="222"/>
                      </a:lnTo>
                      <a:lnTo>
                        <a:pt x="167" y="222"/>
                      </a:lnTo>
                      <a:lnTo>
                        <a:pt x="153" y="210"/>
                      </a:lnTo>
                      <a:lnTo>
                        <a:pt x="181" y="141"/>
                      </a:lnTo>
                      <a:lnTo>
                        <a:pt x="186" y="104"/>
                      </a:lnTo>
                      <a:lnTo>
                        <a:pt x="195" y="1"/>
                      </a:lnTo>
                      <a:lnTo>
                        <a:pt x="192" y="0"/>
                      </a:lnTo>
                      <a:lnTo>
                        <a:pt x="92" y="71"/>
                      </a:lnTo>
                      <a:lnTo>
                        <a:pt x="59" y="120"/>
                      </a:lnTo>
                      <a:lnTo>
                        <a:pt x="10" y="164"/>
                      </a:lnTo>
                      <a:lnTo>
                        <a:pt x="2" y="109"/>
                      </a:lnTo>
                      <a:lnTo>
                        <a:pt x="0" y="109"/>
                      </a:lnTo>
                      <a:lnTo>
                        <a:pt x="9" y="167"/>
                      </a:lnTo>
                      <a:lnTo>
                        <a:pt x="11" y="168"/>
                      </a:lnTo>
                      <a:lnTo>
                        <a:pt x="62" y="122"/>
                      </a:lnTo>
                      <a:lnTo>
                        <a:pt x="94" y="73"/>
                      </a:lnTo>
                      <a:lnTo>
                        <a:pt x="192" y="3"/>
                      </a:lnTo>
                      <a:lnTo>
                        <a:pt x="183" y="104"/>
                      </a:lnTo>
                      <a:lnTo>
                        <a:pt x="179" y="141"/>
                      </a:lnTo>
                      <a:lnTo>
                        <a:pt x="151" y="213"/>
                      </a:lnTo>
                      <a:lnTo>
                        <a:pt x="167" y="226"/>
                      </a:lnTo>
                      <a:lnTo>
                        <a:pt x="203" y="226"/>
                      </a:lnTo>
                      <a:lnTo>
                        <a:pt x="218" y="200"/>
                      </a:lnTo>
                      <a:lnTo>
                        <a:pt x="250" y="176"/>
                      </a:lnTo>
                      <a:lnTo>
                        <a:pt x="296" y="142"/>
                      </a:lnTo>
                      <a:lnTo>
                        <a:pt x="351" y="105"/>
                      </a:lnTo>
                      <a:lnTo>
                        <a:pt x="378" y="76"/>
                      </a:lnTo>
                      <a:lnTo>
                        <a:pt x="378" y="74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4" name="Freeform 83">
                  <a:extLst>
                    <a:ext uri="{FF2B5EF4-FFF2-40B4-BE49-F238E27FC236}">
                      <a16:creationId xmlns:a16="http://schemas.microsoft.com/office/drawing/2014/main" id="{BD91AEFA-9B9A-4F87-8EE7-80B79E034B3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45" y="3068"/>
                  <a:ext cx="36" cy="250"/>
                </a:xfrm>
                <a:custGeom>
                  <a:avLst/>
                  <a:gdLst>
                    <a:gd name="T0" fmla="*/ 1 w 70"/>
                    <a:gd name="T1" fmla="*/ 1 h 499"/>
                    <a:gd name="T2" fmla="*/ 1 w 70"/>
                    <a:gd name="T3" fmla="*/ 1 h 499"/>
                    <a:gd name="T4" fmla="*/ 1 w 70"/>
                    <a:gd name="T5" fmla="*/ 1 h 499"/>
                    <a:gd name="T6" fmla="*/ 1 w 70"/>
                    <a:gd name="T7" fmla="*/ 1 h 499"/>
                    <a:gd name="T8" fmla="*/ 1 w 70"/>
                    <a:gd name="T9" fmla="*/ 1 h 499"/>
                    <a:gd name="T10" fmla="*/ 1 w 70"/>
                    <a:gd name="T11" fmla="*/ 1 h 499"/>
                    <a:gd name="T12" fmla="*/ 1 w 70"/>
                    <a:gd name="T13" fmla="*/ 0 h 499"/>
                    <a:gd name="T14" fmla="*/ 0 w 70"/>
                    <a:gd name="T15" fmla="*/ 1 h 499"/>
                    <a:gd name="T16" fmla="*/ 0 w 70"/>
                    <a:gd name="T17" fmla="*/ 1 h 499"/>
                    <a:gd name="T18" fmla="*/ 1 w 70"/>
                    <a:gd name="T19" fmla="*/ 1 h 499"/>
                    <a:gd name="T20" fmla="*/ 1 w 70"/>
                    <a:gd name="T21" fmla="*/ 1 h 499"/>
                    <a:gd name="T22" fmla="*/ 1 w 70"/>
                    <a:gd name="T23" fmla="*/ 1 h 499"/>
                    <a:gd name="T24" fmla="*/ 1 w 70"/>
                    <a:gd name="T25" fmla="*/ 1 h 499"/>
                    <a:gd name="T26" fmla="*/ 1 w 70"/>
                    <a:gd name="T27" fmla="*/ 1 h 499"/>
                    <a:gd name="T28" fmla="*/ 1 w 70"/>
                    <a:gd name="T29" fmla="*/ 1 h 499"/>
                    <a:gd name="T30" fmla="*/ 1 w 70"/>
                    <a:gd name="T31" fmla="*/ 1 h 499"/>
                    <a:gd name="T32" fmla="*/ 1 w 70"/>
                    <a:gd name="T33" fmla="*/ 1 h 499"/>
                    <a:gd name="T34" fmla="*/ 0 60000 65536"/>
                    <a:gd name="T35" fmla="*/ 0 60000 65536"/>
                    <a:gd name="T36" fmla="*/ 0 60000 65536"/>
                    <a:gd name="T37" fmla="*/ 0 60000 65536"/>
                    <a:gd name="T38" fmla="*/ 0 60000 65536"/>
                    <a:gd name="T39" fmla="*/ 0 60000 65536"/>
                    <a:gd name="T40" fmla="*/ 0 60000 65536"/>
                    <a:gd name="T41" fmla="*/ 0 60000 65536"/>
                    <a:gd name="T42" fmla="*/ 0 60000 65536"/>
                    <a:gd name="T43" fmla="*/ 0 60000 65536"/>
                    <a:gd name="T44" fmla="*/ 0 60000 65536"/>
                    <a:gd name="T45" fmla="*/ 0 60000 65536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</a:gdLst>
                  <a:ahLst/>
                  <a:cxnLst>
                    <a:cxn ang="T34">
                      <a:pos x="T0" y="T1"/>
                    </a:cxn>
                    <a:cxn ang="T35">
                      <a:pos x="T2" y="T3"/>
                    </a:cxn>
                    <a:cxn ang="T36">
                      <a:pos x="T4" y="T5"/>
                    </a:cxn>
                    <a:cxn ang="T37">
                      <a:pos x="T6" y="T7"/>
                    </a:cxn>
                    <a:cxn ang="T38">
                      <a:pos x="T8" y="T9"/>
                    </a:cxn>
                    <a:cxn ang="T39">
                      <a:pos x="T10" y="T11"/>
                    </a:cxn>
                    <a:cxn ang="T40">
                      <a:pos x="T12" y="T13"/>
                    </a:cxn>
                    <a:cxn ang="T41">
                      <a:pos x="T14" y="T15"/>
                    </a:cxn>
                    <a:cxn ang="T42">
                      <a:pos x="T16" y="T17"/>
                    </a:cxn>
                    <a:cxn ang="T43">
                      <a:pos x="T18" y="T19"/>
                    </a:cxn>
                    <a:cxn ang="T44">
                      <a:pos x="T20" y="T21"/>
                    </a:cxn>
                    <a:cxn ang="T45">
                      <a:pos x="T22" y="T23"/>
                    </a:cxn>
                    <a:cxn ang="T46">
                      <a:pos x="T24" y="T25"/>
                    </a:cxn>
                    <a:cxn ang="T47">
                      <a:pos x="T26" y="T27"/>
                    </a:cxn>
                    <a:cxn ang="T48">
                      <a:pos x="T28" y="T29"/>
                    </a:cxn>
                    <a:cxn ang="T49">
                      <a:pos x="T30" y="T31"/>
                    </a:cxn>
                    <a:cxn ang="T50">
                      <a:pos x="T32" y="T33"/>
                    </a:cxn>
                  </a:cxnLst>
                  <a:rect l="0" t="0" r="r" b="b"/>
                  <a:pathLst>
                    <a:path w="70" h="499">
                      <a:moveTo>
                        <a:pt x="5" y="499"/>
                      </a:moveTo>
                      <a:lnTo>
                        <a:pt x="42" y="437"/>
                      </a:lnTo>
                      <a:lnTo>
                        <a:pt x="65" y="325"/>
                      </a:lnTo>
                      <a:lnTo>
                        <a:pt x="70" y="190"/>
                      </a:lnTo>
                      <a:lnTo>
                        <a:pt x="70" y="129"/>
                      </a:lnTo>
                      <a:lnTo>
                        <a:pt x="65" y="27"/>
                      </a:lnTo>
                      <a:lnTo>
                        <a:pt x="50" y="0"/>
                      </a:lnTo>
                      <a:lnTo>
                        <a:pt x="0" y="81"/>
                      </a:lnTo>
                      <a:lnTo>
                        <a:pt x="0" y="88"/>
                      </a:lnTo>
                      <a:lnTo>
                        <a:pt x="50" y="4"/>
                      </a:lnTo>
                      <a:lnTo>
                        <a:pt x="62" y="27"/>
                      </a:lnTo>
                      <a:lnTo>
                        <a:pt x="66" y="89"/>
                      </a:lnTo>
                      <a:lnTo>
                        <a:pt x="66" y="244"/>
                      </a:lnTo>
                      <a:lnTo>
                        <a:pt x="62" y="325"/>
                      </a:lnTo>
                      <a:lnTo>
                        <a:pt x="40" y="435"/>
                      </a:lnTo>
                      <a:lnTo>
                        <a:pt x="3" y="499"/>
                      </a:lnTo>
                      <a:lnTo>
                        <a:pt x="5" y="499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5" name="Freeform 84">
                  <a:extLst>
                    <a:ext uri="{FF2B5EF4-FFF2-40B4-BE49-F238E27FC236}">
                      <a16:creationId xmlns:a16="http://schemas.microsoft.com/office/drawing/2014/main" id="{006862E4-756B-4C53-8465-69FB9D9DF48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892" y="3109"/>
                  <a:ext cx="253" cy="373"/>
                </a:xfrm>
                <a:custGeom>
                  <a:avLst/>
                  <a:gdLst>
                    <a:gd name="T0" fmla="*/ 1 w 506"/>
                    <a:gd name="T1" fmla="*/ 0 h 745"/>
                    <a:gd name="T2" fmla="*/ 1 w 506"/>
                    <a:gd name="T3" fmla="*/ 1 h 745"/>
                    <a:gd name="T4" fmla="*/ 1 w 506"/>
                    <a:gd name="T5" fmla="*/ 1 h 745"/>
                    <a:gd name="T6" fmla="*/ 1 w 506"/>
                    <a:gd name="T7" fmla="*/ 1 h 745"/>
                    <a:gd name="T8" fmla="*/ 1 w 506"/>
                    <a:gd name="T9" fmla="*/ 1 h 745"/>
                    <a:gd name="T10" fmla="*/ 1 w 506"/>
                    <a:gd name="T11" fmla="*/ 1 h 745"/>
                    <a:gd name="T12" fmla="*/ 1 w 506"/>
                    <a:gd name="T13" fmla="*/ 1 h 745"/>
                    <a:gd name="T14" fmla="*/ 1 w 506"/>
                    <a:gd name="T15" fmla="*/ 1 h 745"/>
                    <a:gd name="T16" fmla="*/ 1 w 506"/>
                    <a:gd name="T17" fmla="*/ 1 h 745"/>
                    <a:gd name="T18" fmla="*/ 1 w 506"/>
                    <a:gd name="T19" fmla="*/ 1 h 745"/>
                    <a:gd name="T20" fmla="*/ 1 w 506"/>
                    <a:gd name="T21" fmla="*/ 1 h 745"/>
                    <a:gd name="T22" fmla="*/ 1 w 506"/>
                    <a:gd name="T23" fmla="*/ 1 h 745"/>
                    <a:gd name="T24" fmla="*/ 1 w 506"/>
                    <a:gd name="T25" fmla="*/ 1 h 745"/>
                    <a:gd name="T26" fmla="*/ 1 w 506"/>
                    <a:gd name="T27" fmla="*/ 1 h 745"/>
                    <a:gd name="T28" fmla="*/ 1 w 506"/>
                    <a:gd name="T29" fmla="*/ 1 h 745"/>
                    <a:gd name="T30" fmla="*/ 0 w 506"/>
                    <a:gd name="T31" fmla="*/ 1 h 745"/>
                    <a:gd name="T32" fmla="*/ 1 w 506"/>
                    <a:gd name="T33" fmla="*/ 1 h 745"/>
                    <a:gd name="T34" fmla="*/ 1 w 506"/>
                    <a:gd name="T35" fmla="*/ 1 h 745"/>
                    <a:gd name="T36" fmla="*/ 1 w 506"/>
                    <a:gd name="T37" fmla="*/ 1 h 745"/>
                    <a:gd name="T38" fmla="*/ 1 w 506"/>
                    <a:gd name="T39" fmla="*/ 1 h 745"/>
                    <a:gd name="T40" fmla="*/ 1 w 506"/>
                    <a:gd name="T41" fmla="*/ 1 h 745"/>
                    <a:gd name="T42" fmla="*/ 1 w 506"/>
                    <a:gd name="T43" fmla="*/ 1 h 745"/>
                    <a:gd name="T44" fmla="*/ 1 w 506"/>
                    <a:gd name="T45" fmla="*/ 1 h 745"/>
                    <a:gd name="T46" fmla="*/ 1 w 506"/>
                    <a:gd name="T47" fmla="*/ 1 h 745"/>
                    <a:gd name="T48" fmla="*/ 1 w 506"/>
                    <a:gd name="T49" fmla="*/ 1 h 745"/>
                    <a:gd name="T50" fmla="*/ 1 w 506"/>
                    <a:gd name="T51" fmla="*/ 1 h 745"/>
                    <a:gd name="T52" fmla="*/ 1 w 506"/>
                    <a:gd name="T53" fmla="*/ 1 h 745"/>
                    <a:gd name="T54" fmla="*/ 1 w 506"/>
                    <a:gd name="T55" fmla="*/ 1 h 745"/>
                    <a:gd name="T56" fmla="*/ 1 w 506"/>
                    <a:gd name="T57" fmla="*/ 1 h 745"/>
                    <a:gd name="T58" fmla="*/ 1 w 506"/>
                    <a:gd name="T59" fmla="*/ 1 h 745"/>
                    <a:gd name="T60" fmla="*/ 1 w 506"/>
                    <a:gd name="T61" fmla="*/ 1 h 745"/>
                    <a:gd name="T62" fmla="*/ 1 w 506"/>
                    <a:gd name="T63" fmla="*/ 1 h 745"/>
                    <a:gd name="T64" fmla="*/ 1 w 506"/>
                    <a:gd name="T65" fmla="*/ 1 h 745"/>
                    <a:gd name="T66" fmla="*/ 1 w 506"/>
                    <a:gd name="T67" fmla="*/ 1 h 745"/>
                    <a:gd name="T68" fmla="*/ 1 w 506"/>
                    <a:gd name="T69" fmla="*/ 1 h 745"/>
                    <a:gd name="T70" fmla="*/ 1 w 506"/>
                    <a:gd name="T71" fmla="*/ 1 h 745"/>
                    <a:gd name="T72" fmla="*/ 1 w 506"/>
                    <a:gd name="T73" fmla="*/ 1 h 745"/>
                    <a:gd name="T74" fmla="*/ 1 w 506"/>
                    <a:gd name="T75" fmla="*/ 1 h 745"/>
                    <a:gd name="T76" fmla="*/ 1 w 506"/>
                    <a:gd name="T77" fmla="*/ 1 h 745"/>
                    <a:gd name="T78" fmla="*/ 1 w 506"/>
                    <a:gd name="T79" fmla="*/ 1 h 745"/>
                    <a:gd name="T80" fmla="*/ 1 w 506"/>
                    <a:gd name="T81" fmla="*/ 0 h 745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</a:gdLst>
                  <a:ahLst/>
                  <a:cxnLst>
                    <a:cxn ang="T82">
                      <a:pos x="T0" y="T1"/>
                    </a:cxn>
                    <a:cxn ang="T83">
                      <a:pos x="T2" y="T3"/>
                    </a:cxn>
                    <a:cxn ang="T84">
                      <a:pos x="T4" y="T5"/>
                    </a:cxn>
                    <a:cxn ang="T85">
                      <a:pos x="T6" y="T7"/>
                    </a:cxn>
                    <a:cxn ang="T86">
                      <a:pos x="T8" y="T9"/>
                    </a:cxn>
                    <a:cxn ang="T87">
                      <a:pos x="T10" y="T11"/>
                    </a:cxn>
                    <a:cxn ang="T88">
                      <a:pos x="T12" y="T13"/>
                    </a:cxn>
                    <a:cxn ang="T89">
                      <a:pos x="T14" y="T15"/>
                    </a:cxn>
                    <a:cxn ang="T90">
                      <a:pos x="T16" y="T17"/>
                    </a:cxn>
                    <a:cxn ang="T91">
                      <a:pos x="T18" y="T19"/>
                    </a:cxn>
                    <a:cxn ang="T92">
                      <a:pos x="T20" y="T21"/>
                    </a:cxn>
                    <a:cxn ang="T93">
                      <a:pos x="T22" y="T23"/>
                    </a:cxn>
                    <a:cxn ang="T94">
                      <a:pos x="T24" y="T25"/>
                    </a:cxn>
                    <a:cxn ang="T95">
                      <a:pos x="T26" y="T27"/>
                    </a:cxn>
                    <a:cxn ang="T96">
                      <a:pos x="T28" y="T29"/>
                    </a:cxn>
                    <a:cxn ang="T97">
                      <a:pos x="T30" y="T31"/>
                    </a:cxn>
                    <a:cxn ang="T98">
                      <a:pos x="T32" y="T33"/>
                    </a:cxn>
                    <a:cxn ang="T99">
                      <a:pos x="T34" y="T35"/>
                    </a:cxn>
                    <a:cxn ang="T100">
                      <a:pos x="T36" y="T37"/>
                    </a:cxn>
                    <a:cxn ang="T101">
                      <a:pos x="T38" y="T39"/>
                    </a:cxn>
                    <a:cxn ang="T102">
                      <a:pos x="T40" y="T41"/>
                    </a:cxn>
                    <a:cxn ang="T103">
                      <a:pos x="T42" y="T43"/>
                    </a:cxn>
                    <a:cxn ang="T104">
                      <a:pos x="T44" y="T45"/>
                    </a:cxn>
                    <a:cxn ang="T105">
                      <a:pos x="T46" y="T47"/>
                    </a:cxn>
                    <a:cxn ang="T106">
                      <a:pos x="T48" y="T49"/>
                    </a:cxn>
                    <a:cxn ang="T107">
                      <a:pos x="T50" y="T51"/>
                    </a:cxn>
                    <a:cxn ang="T108">
                      <a:pos x="T52" y="T53"/>
                    </a:cxn>
                    <a:cxn ang="T109">
                      <a:pos x="T54" y="T55"/>
                    </a:cxn>
                    <a:cxn ang="T110">
                      <a:pos x="T56" y="T57"/>
                    </a:cxn>
                    <a:cxn ang="T111">
                      <a:pos x="T58" y="T59"/>
                    </a:cxn>
                    <a:cxn ang="T112">
                      <a:pos x="T60" y="T61"/>
                    </a:cxn>
                    <a:cxn ang="T113">
                      <a:pos x="T62" y="T63"/>
                    </a:cxn>
                    <a:cxn ang="T114">
                      <a:pos x="T64" y="T65"/>
                    </a:cxn>
                    <a:cxn ang="T115">
                      <a:pos x="T66" y="T67"/>
                    </a:cxn>
                    <a:cxn ang="T116">
                      <a:pos x="T68" y="T69"/>
                    </a:cxn>
                    <a:cxn ang="T117">
                      <a:pos x="T70" y="T71"/>
                    </a:cxn>
                    <a:cxn ang="T118">
                      <a:pos x="T72" y="T73"/>
                    </a:cxn>
                    <a:cxn ang="T119">
                      <a:pos x="T74" y="T75"/>
                    </a:cxn>
                    <a:cxn ang="T120">
                      <a:pos x="T76" y="T77"/>
                    </a:cxn>
                    <a:cxn ang="T121">
                      <a:pos x="T78" y="T79"/>
                    </a:cxn>
                    <a:cxn ang="T122">
                      <a:pos x="T80" y="T81"/>
                    </a:cxn>
                  </a:cxnLst>
                  <a:rect l="0" t="0" r="r" b="b"/>
                  <a:pathLst>
                    <a:path w="506" h="745">
                      <a:moveTo>
                        <a:pt x="506" y="0"/>
                      </a:moveTo>
                      <a:lnTo>
                        <a:pt x="455" y="121"/>
                      </a:lnTo>
                      <a:lnTo>
                        <a:pt x="417" y="180"/>
                      </a:lnTo>
                      <a:lnTo>
                        <a:pt x="386" y="214"/>
                      </a:lnTo>
                      <a:lnTo>
                        <a:pt x="268" y="109"/>
                      </a:lnTo>
                      <a:lnTo>
                        <a:pt x="253" y="161"/>
                      </a:lnTo>
                      <a:lnTo>
                        <a:pt x="262" y="335"/>
                      </a:lnTo>
                      <a:lnTo>
                        <a:pt x="267" y="396"/>
                      </a:lnTo>
                      <a:lnTo>
                        <a:pt x="276" y="467"/>
                      </a:lnTo>
                      <a:lnTo>
                        <a:pt x="288" y="508"/>
                      </a:lnTo>
                      <a:lnTo>
                        <a:pt x="163" y="366"/>
                      </a:lnTo>
                      <a:lnTo>
                        <a:pt x="71" y="288"/>
                      </a:lnTo>
                      <a:lnTo>
                        <a:pt x="69" y="289"/>
                      </a:lnTo>
                      <a:lnTo>
                        <a:pt x="78" y="425"/>
                      </a:lnTo>
                      <a:lnTo>
                        <a:pt x="92" y="466"/>
                      </a:lnTo>
                      <a:lnTo>
                        <a:pt x="0" y="449"/>
                      </a:lnTo>
                      <a:lnTo>
                        <a:pt x="14" y="513"/>
                      </a:lnTo>
                      <a:lnTo>
                        <a:pt x="47" y="609"/>
                      </a:lnTo>
                      <a:lnTo>
                        <a:pt x="92" y="675"/>
                      </a:lnTo>
                      <a:lnTo>
                        <a:pt x="147" y="745"/>
                      </a:lnTo>
                      <a:lnTo>
                        <a:pt x="149" y="743"/>
                      </a:lnTo>
                      <a:lnTo>
                        <a:pt x="95" y="673"/>
                      </a:lnTo>
                      <a:lnTo>
                        <a:pt x="49" y="607"/>
                      </a:lnTo>
                      <a:lnTo>
                        <a:pt x="16" y="513"/>
                      </a:lnTo>
                      <a:lnTo>
                        <a:pt x="2" y="451"/>
                      </a:lnTo>
                      <a:lnTo>
                        <a:pt x="95" y="468"/>
                      </a:lnTo>
                      <a:lnTo>
                        <a:pt x="80" y="425"/>
                      </a:lnTo>
                      <a:lnTo>
                        <a:pt x="71" y="291"/>
                      </a:lnTo>
                      <a:lnTo>
                        <a:pt x="160" y="368"/>
                      </a:lnTo>
                      <a:lnTo>
                        <a:pt x="289" y="514"/>
                      </a:lnTo>
                      <a:lnTo>
                        <a:pt x="291" y="513"/>
                      </a:lnTo>
                      <a:lnTo>
                        <a:pt x="278" y="467"/>
                      </a:lnTo>
                      <a:lnTo>
                        <a:pt x="269" y="396"/>
                      </a:lnTo>
                      <a:lnTo>
                        <a:pt x="264" y="335"/>
                      </a:lnTo>
                      <a:lnTo>
                        <a:pt x="255" y="161"/>
                      </a:lnTo>
                      <a:lnTo>
                        <a:pt x="268" y="113"/>
                      </a:lnTo>
                      <a:lnTo>
                        <a:pt x="388" y="216"/>
                      </a:lnTo>
                      <a:lnTo>
                        <a:pt x="420" y="183"/>
                      </a:lnTo>
                      <a:lnTo>
                        <a:pt x="455" y="126"/>
                      </a:lnTo>
                      <a:lnTo>
                        <a:pt x="506" y="7"/>
                      </a:lnTo>
                      <a:lnTo>
                        <a:pt x="506" y="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6" name="Freeform 85">
                  <a:extLst>
                    <a:ext uri="{FF2B5EF4-FFF2-40B4-BE49-F238E27FC236}">
                      <a16:creationId xmlns:a16="http://schemas.microsoft.com/office/drawing/2014/main" id="{D7261DF5-522D-4AB8-A974-3CB22688C0C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966" y="3480"/>
                  <a:ext cx="186" cy="109"/>
                </a:xfrm>
                <a:custGeom>
                  <a:avLst/>
                  <a:gdLst>
                    <a:gd name="T0" fmla="*/ 0 w 372"/>
                    <a:gd name="T1" fmla="*/ 1 h 217"/>
                    <a:gd name="T2" fmla="*/ 1 w 372"/>
                    <a:gd name="T3" fmla="*/ 1 h 217"/>
                    <a:gd name="T4" fmla="*/ 1 w 372"/>
                    <a:gd name="T5" fmla="*/ 1 h 217"/>
                    <a:gd name="T6" fmla="*/ 1 w 372"/>
                    <a:gd name="T7" fmla="*/ 1 h 217"/>
                    <a:gd name="T8" fmla="*/ 1 w 372"/>
                    <a:gd name="T9" fmla="*/ 1 h 217"/>
                    <a:gd name="T10" fmla="*/ 1 w 372"/>
                    <a:gd name="T11" fmla="*/ 1 h 217"/>
                    <a:gd name="T12" fmla="*/ 1 w 372"/>
                    <a:gd name="T13" fmla="*/ 1 h 217"/>
                    <a:gd name="T14" fmla="*/ 1 w 372"/>
                    <a:gd name="T15" fmla="*/ 1 h 217"/>
                    <a:gd name="T16" fmla="*/ 1 w 372"/>
                    <a:gd name="T17" fmla="*/ 1 h 217"/>
                    <a:gd name="T18" fmla="*/ 1 w 372"/>
                    <a:gd name="T19" fmla="*/ 1 h 217"/>
                    <a:gd name="T20" fmla="*/ 1 w 372"/>
                    <a:gd name="T21" fmla="*/ 1 h 217"/>
                    <a:gd name="T22" fmla="*/ 1 w 372"/>
                    <a:gd name="T23" fmla="*/ 1 h 217"/>
                    <a:gd name="T24" fmla="*/ 1 w 372"/>
                    <a:gd name="T25" fmla="*/ 1 h 217"/>
                    <a:gd name="T26" fmla="*/ 1 w 372"/>
                    <a:gd name="T27" fmla="*/ 1 h 217"/>
                    <a:gd name="T28" fmla="*/ 1 w 372"/>
                    <a:gd name="T29" fmla="*/ 1 h 217"/>
                    <a:gd name="T30" fmla="*/ 1 w 372"/>
                    <a:gd name="T31" fmla="*/ 1 h 217"/>
                    <a:gd name="T32" fmla="*/ 1 w 372"/>
                    <a:gd name="T33" fmla="*/ 0 h 217"/>
                    <a:gd name="T34" fmla="*/ 0 w 372"/>
                    <a:gd name="T35" fmla="*/ 1 h 217"/>
                    <a:gd name="T36" fmla="*/ 0 60000 65536"/>
                    <a:gd name="T37" fmla="*/ 0 60000 65536"/>
                    <a:gd name="T38" fmla="*/ 0 60000 65536"/>
                    <a:gd name="T39" fmla="*/ 0 60000 65536"/>
                    <a:gd name="T40" fmla="*/ 0 60000 65536"/>
                    <a:gd name="T41" fmla="*/ 0 60000 65536"/>
                    <a:gd name="T42" fmla="*/ 0 60000 65536"/>
                    <a:gd name="T43" fmla="*/ 0 60000 65536"/>
                    <a:gd name="T44" fmla="*/ 0 60000 65536"/>
                    <a:gd name="T45" fmla="*/ 0 60000 65536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</a:gdLst>
                  <a:ahLst/>
                  <a:cxnLst>
                    <a:cxn ang="T36">
                      <a:pos x="T0" y="T1"/>
                    </a:cxn>
                    <a:cxn ang="T37">
                      <a:pos x="T2" y="T3"/>
                    </a:cxn>
                    <a:cxn ang="T38">
                      <a:pos x="T4" y="T5"/>
                    </a:cxn>
                    <a:cxn ang="T39">
                      <a:pos x="T6" y="T7"/>
                    </a:cxn>
                    <a:cxn ang="T40">
                      <a:pos x="T8" y="T9"/>
                    </a:cxn>
                    <a:cxn ang="T41">
                      <a:pos x="T10" y="T11"/>
                    </a:cxn>
                    <a:cxn ang="T42">
                      <a:pos x="T12" y="T13"/>
                    </a:cxn>
                    <a:cxn ang="T43">
                      <a:pos x="T14" y="T15"/>
                    </a:cxn>
                    <a:cxn ang="T44">
                      <a:pos x="T16" y="T17"/>
                    </a:cxn>
                    <a:cxn ang="T45">
                      <a:pos x="T18" y="T19"/>
                    </a:cxn>
                    <a:cxn ang="T46">
                      <a:pos x="T20" y="T21"/>
                    </a:cxn>
                    <a:cxn ang="T47">
                      <a:pos x="T22" y="T23"/>
                    </a:cxn>
                    <a:cxn ang="T48">
                      <a:pos x="T24" y="T25"/>
                    </a:cxn>
                    <a:cxn ang="T49">
                      <a:pos x="T26" y="T27"/>
                    </a:cxn>
                    <a:cxn ang="T50">
                      <a:pos x="T28" y="T29"/>
                    </a:cxn>
                    <a:cxn ang="T51">
                      <a:pos x="T30" y="T31"/>
                    </a:cxn>
                    <a:cxn ang="T52">
                      <a:pos x="T32" y="T33"/>
                    </a:cxn>
                    <a:cxn ang="T53">
                      <a:pos x="T34" y="T35"/>
                    </a:cxn>
                  </a:cxnLst>
                  <a:rect l="0" t="0" r="r" b="b"/>
                  <a:pathLst>
                    <a:path w="372" h="217">
                      <a:moveTo>
                        <a:pt x="0" y="2"/>
                      </a:moveTo>
                      <a:lnTo>
                        <a:pt x="78" y="73"/>
                      </a:lnTo>
                      <a:lnTo>
                        <a:pt x="132" y="108"/>
                      </a:lnTo>
                      <a:lnTo>
                        <a:pt x="195" y="134"/>
                      </a:lnTo>
                      <a:lnTo>
                        <a:pt x="272" y="155"/>
                      </a:lnTo>
                      <a:lnTo>
                        <a:pt x="369" y="191"/>
                      </a:lnTo>
                      <a:lnTo>
                        <a:pt x="254" y="215"/>
                      </a:lnTo>
                      <a:lnTo>
                        <a:pt x="25" y="215"/>
                      </a:lnTo>
                      <a:lnTo>
                        <a:pt x="25" y="217"/>
                      </a:lnTo>
                      <a:lnTo>
                        <a:pt x="254" y="217"/>
                      </a:lnTo>
                      <a:lnTo>
                        <a:pt x="372" y="192"/>
                      </a:lnTo>
                      <a:lnTo>
                        <a:pt x="372" y="190"/>
                      </a:lnTo>
                      <a:lnTo>
                        <a:pt x="272" y="153"/>
                      </a:lnTo>
                      <a:lnTo>
                        <a:pt x="195" y="132"/>
                      </a:lnTo>
                      <a:lnTo>
                        <a:pt x="136" y="108"/>
                      </a:lnTo>
                      <a:lnTo>
                        <a:pt x="81" y="70"/>
                      </a:lnTo>
                      <a:lnTo>
                        <a:pt x="2" y="0"/>
                      </a:lnTo>
                      <a:lnTo>
                        <a:pt x="0" y="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7" name="Freeform 86">
                  <a:extLst>
                    <a:ext uri="{FF2B5EF4-FFF2-40B4-BE49-F238E27FC236}">
                      <a16:creationId xmlns:a16="http://schemas.microsoft.com/office/drawing/2014/main" id="{707C59B3-811B-4BC8-B6BF-0E6CFD9FB9C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41" y="3052"/>
                  <a:ext cx="437" cy="537"/>
                </a:xfrm>
                <a:custGeom>
                  <a:avLst/>
                  <a:gdLst>
                    <a:gd name="T0" fmla="*/ 0 w 875"/>
                    <a:gd name="T1" fmla="*/ 1 h 1074"/>
                    <a:gd name="T2" fmla="*/ 0 w 875"/>
                    <a:gd name="T3" fmla="*/ 1 h 1074"/>
                    <a:gd name="T4" fmla="*/ 0 w 875"/>
                    <a:gd name="T5" fmla="*/ 1 h 1074"/>
                    <a:gd name="T6" fmla="*/ 0 w 875"/>
                    <a:gd name="T7" fmla="*/ 1 h 1074"/>
                    <a:gd name="T8" fmla="*/ 0 w 875"/>
                    <a:gd name="T9" fmla="*/ 1 h 1074"/>
                    <a:gd name="T10" fmla="*/ 0 w 875"/>
                    <a:gd name="T11" fmla="*/ 1 h 1074"/>
                    <a:gd name="T12" fmla="*/ 0 w 875"/>
                    <a:gd name="T13" fmla="*/ 1 h 1074"/>
                    <a:gd name="T14" fmla="*/ 0 w 875"/>
                    <a:gd name="T15" fmla="*/ 1 h 1074"/>
                    <a:gd name="T16" fmla="*/ 0 w 875"/>
                    <a:gd name="T17" fmla="*/ 1 h 1074"/>
                    <a:gd name="T18" fmla="*/ 0 w 875"/>
                    <a:gd name="T19" fmla="*/ 1 h 1074"/>
                    <a:gd name="T20" fmla="*/ 0 w 875"/>
                    <a:gd name="T21" fmla="*/ 1 h 1074"/>
                    <a:gd name="T22" fmla="*/ 0 w 875"/>
                    <a:gd name="T23" fmla="*/ 1 h 1074"/>
                    <a:gd name="T24" fmla="*/ 0 w 875"/>
                    <a:gd name="T25" fmla="*/ 1 h 1074"/>
                    <a:gd name="T26" fmla="*/ 0 w 875"/>
                    <a:gd name="T27" fmla="*/ 1 h 1074"/>
                    <a:gd name="T28" fmla="*/ 0 w 875"/>
                    <a:gd name="T29" fmla="*/ 1 h 1074"/>
                    <a:gd name="T30" fmla="*/ 0 w 875"/>
                    <a:gd name="T31" fmla="*/ 0 h 1074"/>
                    <a:gd name="T32" fmla="*/ 0 w 875"/>
                    <a:gd name="T33" fmla="*/ 1 h 1074"/>
                    <a:gd name="T34" fmla="*/ 0 w 875"/>
                    <a:gd name="T35" fmla="*/ 1 h 1074"/>
                    <a:gd name="T36" fmla="*/ 0 w 875"/>
                    <a:gd name="T37" fmla="*/ 1 h 1074"/>
                    <a:gd name="T38" fmla="*/ 0 w 875"/>
                    <a:gd name="T39" fmla="*/ 1 h 1074"/>
                    <a:gd name="T40" fmla="*/ 0 w 875"/>
                    <a:gd name="T41" fmla="*/ 1 h 1074"/>
                    <a:gd name="T42" fmla="*/ 0 w 875"/>
                    <a:gd name="T43" fmla="*/ 1 h 1074"/>
                    <a:gd name="T44" fmla="*/ 0 w 875"/>
                    <a:gd name="T45" fmla="*/ 1 h 1074"/>
                    <a:gd name="T46" fmla="*/ 0 w 875"/>
                    <a:gd name="T47" fmla="*/ 1 h 1074"/>
                    <a:gd name="T48" fmla="*/ 0 w 875"/>
                    <a:gd name="T49" fmla="*/ 1 h 1074"/>
                    <a:gd name="T50" fmla="*/ 0 w 875"/>
                    <a:gd name="T51" fmla="*/ 1 h 1074"/>
                    <a:gd name="T52" fmla="*/ 0 w 875"/>
                    <a:gd name="T53" fmla="*/ 1 h 1074"/>
                    <a:gd name="T54" fmla="*/ 0 w 875"/>
                    <a:gd name="T55" fmla="*/ 1 h 1074"/>
                    <a:gd name="T56" fmla="*/ 0 w 875"/>
                    <a:gd name="T57" fmla="*/ 1 h 1074"/>
                    <a:gd name="T58" fmla="*/ 0 w 875"/>
                    <a:gd name="T59" fmla="*/ 1 h 1074"/>
                    <a:gd name="T60" fmla="*/ 0 w 875"/>
                    <a:gd name="T61" fmla="*/ 1 h 1074"/>
                    <a:gd name="T62" fmla="*/ 0 w 875"/>
                    <a:gd name="T63" fmla="*/ 1 h 1074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</a:gdLst>
                  <a:ahLst/>
                  <a:cxnLst>
                    <a:cxn ang="T64">
                      <a:pos x="T0" y="T1"/>
                    </a:cxn>
                    <a:cxn ang="T65">
                      <a:pos x="T2" y="T3"/>
                    </a:cxn>
                    <a:cxn ang="T66">
                      <a:pos x="T4" y="T5"/>
                    </a:cxn>
                    <a:cxn ang="T67">
                      <a:pos x="T6" y="T7"/>
                    </a:cxn>
                    <a:cxn ang="T68">
                      <a:pos x="T8" y="T9"/>
                    </a:cxn>
                    <a:cxn ang="T69">
                      <a:pos x="T10" y="T11"/>
                    </a:cxn>
                    <a:cxn ang="T70">
                      <a:pos x="T12" y="T13"/>
                    </a:cxn>
                    <a:cxn ang="T71">
                      <a:pos x="T14" y="T15"/>
                    </a:cxn>
                    <a:cxn ang="T72">
                      <a:pos x="T16" y="T17"/>
                    </a:cxn>
                    <a:cxn ang="T73">
                      <a:pos x="T18" y="T19"/>
                    </a:cxn>
                    <a:cxn ang="T74">
                      <a:pos x="T20" y="T21"/>
                    </a:cxn>
                    <a:cxn ang="T75">
                      <a:pos x="T22" y="T23"/>
                    </a:cxn>
                    <a:cxn ang="T76">
                      <a:pos x="T24" y="T25"/>
                    </a:cxn>
                    <a:cxn ang="T77">
                      <a:pos x="T26" y="T27"/>
                    </a:cxn>
                    <a:cxn ang="T78">
                      <a:pos x="T28" y="T29"/>
                    </a:cxn>
                    <a:cxn ang="T79">
                      <a:pos x="T30" y="T31"/>
                    </a:cxn>
                    <a:cxn ang="T80">
                      <a:pos x="T32" y="T33"/>
                    </a:cxn>
                    <a:cxn ang="T81">
                      <a:pos x="T34" y="T35"/>
                    </a:cxn>
                    <a:cxn ang="T82">
                      <a:pos x="T36" y="T37"/>
                    </a:cxn>
                    <a:cxn ang="T83">
                      <a:pos x="T38" y="T39"/>
                    </a:cxn>
                    <a:cxn ang="T84">
                      <a:pos x="T40" y="T41"/>
                    </a:cxn>
                    <a:cxn ang="T85">
                      <a:pos x="T42" y="T43"/>
                    </a:cxn>
                    <a:cxn ang="T86">
                      <a:pos x="T44" y="T45"/>
                    </a:cxn>
                    <a:cxn ang="T87">
                      <a:pos x="T46" y="T47"/>
                    </a:cxn>
                    <a:cxn ang="T88">
                      <a:pos x="T48" y="T49"/>
                    </a:cxn>
                    <a:cxn ang="T89">
                      <a:pos x="T50" y="T51"/>
                    </a:cxn>
                    <a:cxn ang="T90">
                      <a:pos x="T52" y="T53"/>
                    </a:cxn>
                    <a:cxn ang="T91">
                      <a:pos x="T54" y="T55"/>
                    </a:cxn>
                    <a:cxn ang="T92">
                      <a:pos x="T56" y="T57"/>
                    </a:cxn>
                    <a:cxn ang="T93">
                      <a:pos x="T58" y="T59"/>
                    </a:cxn>
                    <a:cxn ang="T94">
                      <a:pos x="T60" y="T61"/>
                    </a:cxn>
                    <a:cxn ang="T95">
                      <a:pos x="T62" y="T63"/>
                    </a:cxn>
                  </a:cxnLst>
                  <a:rect l="0" t="0" r="r" b="b"/>
                  <a:pathLst>
                    <a:path w="875" h="1074">
                      <a:moveTo>
                        <a:pt x="875" y="1072"/>
                      </a:moveTo>
                      <a:lnTo>
                        <a:pt x="732" y="1030"/>
                      </a:lnTo>
                      <a:lnTo>
                        <a:pt x="631" y="998"/>
                      </a:lnTo>
                      <a:lnTo>
                        <a:pt x="515" y="941"/>
                      </a:lnTo>
                      <a:lnTo>
                        <a:pt x="411" y="874"/>
                      </a:lnTo>
                      <a:lnTo>
                        <a:pt x="364" y="798"/>
                      </a:lnTo>
                      <a:lnTo>
                        <a:pt x="319" y="680"/>
                      </a:lnTo>
                      <a:lnTo>
                        <a:pt x="306" y="556"/>
                      </a:lnTo>
                      <a:lnTo>
                        <a:pt x="278" y="436"/>
                      </a:lnTo>
                      <a:lnTo>
                        <a:pt x="228" y="332"/>
                      </a:lnTo>
                      <a:lnTo>
                        <a:pt x="195" y="236"/>
                      </a:lnTo>
                      <a:lnTo>
                        <a:pt x="136" y="162"/>
                      </a:lnTo>
                      <a:lnTo>
                        <a:pt x="80" y="95"/>
                      </a:lnTo>
                      <a:lnTo>
                        <a:pt x="3" y="10"/>
                      </a:lnTo>
                      <a:lnTo>
                        <a:pt x="116" y="3"/>
                      </a:lnTo>
                      <a:lnTo>
                        <a:pt x="116" y="0"/>
                      </a:lnTo>
                      <a:lnTo>
                        <a:pt x="1" y="9"/>
                      </a:lnTo>
                      <a:lnTo>
                        <a:pt x="0" y="12"/>
                      </a:lnTo>
                      <a:lnTo>
                        <a:pt x="78" y="98"/>
                      </a:lnTo>
                      <a:lnTo>
                        <a:pt x="134" y="165"/>
                      </a:lnTo>
                      <a:lnTo>
                        <a:pt x="193" y="239"/>
                      </a:lnTo>
                      <a:lnTo>
                        <a:pt x="225" y="332"/>
                      </a:lnTo>
                      <a:lnTo>
                        <a:pt x="276" y="436"/>
                      </a:lnTo>
                      <a:lnTo>
                        <a:pt x="304" y="556"/>
                      </a:lnTo>
                      <a:lnTo>
                        <a:pt x="317" y="680"/>
                      </a:lnTo>
                      <a:lnTo>
                        <a:pt x="364" y="802"/>
                      </a:lnTo>
                      <a:lnTo>
                        <a:pt x="409" y="876"/>
                      </a:lnTo>
                      <a:lnTo>
                        <a:pt x="508" y="941"/>
                      </a:lnTo>
                      <a:lnTo>
                        <a:pt x="631" y="1000"/>
                      </a:lnTo>
                      <a:lnTo>
                        <a:pt x="732" y="1033"/>
                      </a:lnTo>
                      <a:lnTo>
                        <a:pt x="875" y="1074"/>
                      </a:lnTo>
                      <a:lnTo>
                        <a:pt x="875" y="107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8" name="Freeform 87">
                  <a:extLst>
                    <a:ext uri="{FF2B5EF4-FFF2-40B4-BE49-F238E27FC236}">
                      <a16:creationId xmlns:a16="http://schemas.microsoft.com/office/drawing/2014/main" id="{9CDC06BB-64BE-4896-81B2-C66EECCB9940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599" y="2911"/>
                  <a:ext cx="184" cy="244"/>
                </a:xfrm>
                <a:custGeom>
                  <a:avLst/>
                  <a:gdLst>
                    <a:gd name="T0" fmla="*/ 0 w 369"/>
                    <a:gd name="T1" fmla="*/ 1 h 487"/>
                    <a:gd name="T2" fmla="*/ 0 w 369"/>
                    <a:gd name="T3" fmla="*/ 1 h 487"/>
                    <a:gd name="T4" fmla="*/ 0 w 369"/>
                    <a:gd name="T5" fmla="*/ 1 h 487"/>
                    <a:gd name="T6" fmla="*/ 0 w 369"/>
                    <a:gd name="T7" fmla="*/ 1 h 487"/>
                    <a:gd name="T8" fmla="*/ 0 w 369"/>
                    <a:gd name="T9" fmla="*/ 1 h 487"/>
                    <a:gd name="T10" fmla="*/ 0 w 369"/>
                    <a:gd name="T11" fmla="*/ 1 h 487"/>
                    <a:gd name="T12" fmla="*/ 0 w 369"/>
                    <a:gd name="T13" fmla="*/ 1 h 487"/>
                    <a:gd name="T14" fmla="*/ 0 w 369"/>
                    <a:gd name="T15" fmla="*/ 1 h 487"/>
                    <a:gd name="T16" fmla="*/ 0 w 369"/>
                    <a:gd name="T17" fmla="*/ 1 h 487"/>
                    <a:gd name="T18" fmla="*/ 0 w 369"/>
                    <a:gd name="T19" fmla="*/ 1 h 487"/>
                    <a:gd name="T20" fmla="*/ 0 w 369"/>
                    <a:gd name="T21" fmla="*/ 0 h 487"/>
                    <a:gd name="T22" fmla="*/ 0 w 369"/>
                    <a:gd name="T23" fmla="*/ 1 h 487"/>
                    <a:gd name="T24" fmla="*/ 0 w 369"/>
                    <a:gd name="T25" fmla="*/ 1 h 487"/>
                    <a:gd name="T26" fmla="*/ 0 w 369"/>
                    <a:gd name="T27" fmla="*/ 1 h 487"/>
                    <a:gd name="T28" fmla="*/ 0 w 369"/>
                    <a:gd name="T29" fmla="*/ 1 h 487"/>
                    <a:gd name="T30" fmla="*/ 0 w 369"/>
                    <a:gd name="T31" fmla="*/ 1 h 487"/>
                    <a:gd name="T32" fmla="*/ 0 w 369"/>
                    <a:gd name="T33" fmla="*/ 1 h 487"/>
                    <a:gd name="T34" fmla="*/ 0 w 369"/>
                    <a:gd name="T35" fmla="*/ 1 h 487"/>
                    <a:gd name="T36" fmla="*/ 0 w 369"/>
                    <a:gd name="T37" fmla="*/ 1 h 487"/>
                    <a:gd name="T38" fmla="*/ 0 w 369"/>
                    <a:gd name="T39" fmla="*/ 1 h 487"/>
                    <a:gd name="T40" fmla="*/ 0 w 369"/>
                    <a:gd name="T41" fmla="*/ 1 h 487"/>
                    <a:gd name="T42" fmla="*/ 0 w 369"/>
                    <a:gd name="T43" fmla="*/ 1 h 487"/>
                    <a:gd name="T44" fmla="*/ 0 w 369"/>
                    <a:gd name="T45" fmla="*/ 1 h 487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</a:gdLst>
                  <a:ahLst/>
                  <a:cxnLst>
                    <a:cxn ang="T46">
                      <a:pos x="T0" y="T1"/>
                    </a:cxn>
                    <a:cxn ang="T47">
                      <a:pos x="T2" y="T3"/>
                    </a:cxn>
                    <a:cxn ang="T48">
                      <a:pos x="T4" y="T5"/>
                    </a:cxn>
                    <a:cxn ang="T49">
                      <a:pos x="T6" y="T7"/>
                    </a:cxn>
                    <a:cxn ang="T50">
                      <a:pos x="T8" y="T9"/>
                    </a:cxn>
                    <a:cxn ang="T51">
                      <a:pos x="T10" y="T11"/>
                    </a:cxn>
                    <a:cxn ang="T52">
                      <a:pos x="T12" y="T13"/>
                    </a:cxn>
                    <a:cxn ang="T53">
                      <a:pos x="T14" y="T15"/>
                    </a:cxn>
                    <a:cxn ang="T54">
                      <a:pos x="T16" y="T17"/>
                    </a:cxn>
                    <a:cxn ang="T55">
                      <a:pos x="T18" y="T19"/>
                    </a:cxn>
                    <a:cxn ang="T56">
                      <a:pos x="T20" y="T21"/>
                    </a:cxn>
                    <a:cxn ang="T57">
                      <a:pos x="T22" y="T23"/>
                    </a:cxn>
                    <a:cxn ang="T58">
                      <a:pos x="T24" y="T25"/>
                    </a:cxn>
                    <a:cxn ang="T59">
                      <a:pos x="T26" y="T27"/>
                    </a:cxn>
                    <a:cxn ang="T60">
                      <a:pos x="T28" y="T29"/>
                    </a:cxn>
                    <a:cxn ang="T61">
                      <a:pos x="T30" y="T31"/>
                    </a:cxn>
                    <a:cxn ang="T62">
                      <a:pos x="T32" y="T33"/>
                    </a:cxn>
                    <a:cxn ang="T63">
                      <a:pos x="T34" y="T35"/>
                    </a:cxn>
                    <a:cxn ang="T64">
                      <a:pos x="T36" y="T37"/>
                    </a:cxn>
                    <a:cxn ang="T65">
                      <a:pos x="T38" y="T39"/>
                    </a:cxn>
                    <a:cxn ang="T66">
                      <a:pos x="T40" y="T41"/>
                    </a:cxn>
                    <a:cxn ang="T67">
                      <a:pos x="T42" y="T43"/>
                    </a:cxn>
                    <a:cxn ang="T68">
                      <a:pos x="T44" y="T45"/>
                    </a:cxn>
                  </a:cxnLst>
                  <a:rect l="0" t="0" r="r" b="b"/>
                  <a:pathLst>
                    <a:path w="369" h="487">
                      <a:moveTo>
                        <a:pt x="0" y="284"/>
                      </a:moveTo>
                      <a:lnTo>
                        <a:pt x="88" y="320"/>
                      </a:lnTo>
                      <a:lnTo>
                        <a:pt x="183" y="375"/>
                      </a:lnTo>
                      <a:lnTo>
                        <a:pt x="234" y="437"/>
                      </a:lnTo>
                      <a:lnTo>
                        <a:pt x="304" y="487"/>
                      </a:lnTo>
                      <a:lnTo>
                        <a:pt x="341" y="411"/>
                      </a:lnTo>
                      <a:lnTo>
                        <a:pt x="355" y="333"/>
                      </a:lnTo>
                      <a:lnTo>
                        <a:pt x="369" y="238"/>
                      </a:lnTo>
                      <a:lnTo>
                        <a:pt x="355" y="167"/>
                      </a:lnTo>
                      <a:lnTo>
                        <a:pt x="332" y="80"/>
                      </a:lnTo>
                      <a:lnTo>
                        <a:pt x="289" y="0"/>
                      </a:lnTo>
                      <a:lnTo>
                        <a:pt x="289" y="4"/>
                      </a:lnTo>
                      <a:lnTo>
                        <a:pt x="330" y="80"/>
                      </a:lnTo>
                      <a:lnTo>
                        <a:pt x="353" y="167"/>
                      </a:lnTo>
                      <a:lnTo>
                        <a:pt x="366" y="238"/>
                      </a:lnTo>
                      <a:lnTo>
                        <a:pt x="353" y="333"/>
                      </a:lnTo>
                      <a:lnTo>
                        <a:pt x="339" y="411"/>
                      </a:lnTo>
                      <a:lnTo>
                        <a:pt x="304" y="485"/>
                      </a:lnTo>
                      <a:lnTo>
                        <a:pt x="236" y="435"/>
                      </a:lnTo>
                      <a:lnTo>
                        <a:pt x="185" y="373"/>
                      </a:lnTo>
                      <a:lnTo>
                        <a:pt x="95" y="320"/>
                      </a:lnTo>
                      <a:lnTo>
                        <a:pt x="0" y="281"/>
                      </a:lnTo>
                      <a:lnTo>
                        <a:pt x="0" y="284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49" name="Freeform 88">
                  <a:extLst>
                    <a:ext uri="{FF2B5EF4-FFF2-40B4-BE49-F238E27FC236}">
                      <a16:creationId xmlns:a16="http://schemas.microsoft.com/office/drawing/2014/main" id="{1F90EB2C-666D-41A1-B273-2DED4CF03452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693" y="2870"/>
                  <a:ext cx="53" cy="43"/>
                </a:xfrm>
                <a:custGeom>
                  <a:avLst/>
                  <a:gdLst>
                    <a:gd name="T0" fmla="*/ 1 w 106"/>
                    <a:gd name="T1" fmla="*/ 0 h 87"/>
                    <a:gd name="T2" fmla="*/ 1 w 106"/>
                    <a:gd name="T3" fmla="*/ 0 h 87"/>
                    <a:gd name="T4" fmla="*/ 1 w 106"/>
                    <a:gd name="T5" fmla="*/ 0 h 87"/>
                    <a:gd name="T6" fmla="*/ 1 w 106"/>
                    <a:gd name="T7" fmla="*/ 0 h 87"/>
                    <a:gd name="T8" fmla="*/ 1 w 106"/>
                    <a:gd name="T9" fmla="*/ 0 h 87"/>
                    <a:gd name="T10" fmla="*/ 0 w 106"/>
                    <a:gd name="T11" fmla="*/ 0 h 87"/>
                    <a:gd name="T12" fmla="*/ 0 w 106"/>
                    <a:gd name="T13" fmla="*/ 0 h 87"/>
                    <a:gd name="T14" fmla="*/ 1 w 106"/>
                    <a:gd name="T15" fmla="*/ 0 h 87"/>
                    <a:gd name="T16" fmla="*/ 1 w 106"/>
                    <a:gd name="T17" fmla="*/ 0 h 87"/>
                    <a:gd name="T18" fmla="*/ 1 w 106"/>
                    <a:gd name="T19" fmla="*/ 0 h 87"/>
                    <a:gd name="T20" fmla="*/ 0 60000 65536"/>
                    <a:gd name="T21" fmla="*/ 0 60000 65536"/>
                    <a:gd name="T22" fmla="*/ 0 60000 65536"/>
                    <a:gd name="T23" fmla="*/ 0 60000 65536"/>
                    <a:gd name="T24" fmla="*/ 0 60000 65536"/>
                    <a:gd name="T25" fmla="*/ 0 60000 65536"/>
                    <a:gd name="T26" fmla="*/ 0 60000 65536"/>
                    <a:gd name="T27" fmla="*/ 0 60000 65536"/>
                    <a:gd name="T28" fmla="*/ 0 60000 65536"/>
                    <a:gd name="T29" fmla="*/ 0 60000 65536"/>
                  </a:gdLst>
                  <a:ahLst/>
                  <a:cxnLst>
                    <a:cxn ang="T20">
                      <a:pos x="T0" y="T1"/>
                    </a:cxn>
                    <a:cxn ang="T21">
                      <a:pos x="T2" y="T3"/>
                    </a:cxn>
                    <a:cxn ang="T22">
                      <a:pos x="T4" y="T5"/>
                    </a:cxn>
                    <a:cxn ang="T23">
                      <a:pos x="T6" y="T7"/>
                    </a:cxn>
                    <a:cxn ang="T24">
                      <a:pos x="T8" y="T9"/>
                    </a:cxn>
                    <a:cxn ang="T25">
                      <a:pos x="T10" y="T11"/>
                    </a:cxn>
                    <a:cxn ang="T26">
                      <a:pos x="T12" y="T13"/>
                    </a:cxn>
                    <a:cxn ang="T27">
                      <a:pos x="T14" y="T15"/>
                    </a:cxn>
                    <a:cxn ang="T28">
                      <a:pos x="T16" y="T17"/>
                    </a:cxn>
                    <a:cxn ang="T29">
                      <a:pos x="T18" y="T19"/>
                    </a:cxn>
                  </a:cxnLst>
                  <a:rect l="0" t="0" r="r" b="b"/>
                  <a:pathLst>
                    <a:path w="106" h="87">
                      <a:moveTo>
                        <a:pt x="100" y="83"/>
                      </a:moveTo>
                      <a:lnTo>
                        <a:pt x="51" y="25"/>
                      </a:lnTo>
                      <a:lnTo>
                        <a:pt x="7" y="4"/>
                      </a:lnTo>
                      <a:lnTo>
                        <a:pt x="106" y="4"/>
                      </a:lnTo>
                      <a:lnTo>
                        <a:pt x="104" y="0"/>
                      </a:lnTo>
                      <a:lnTo>
                        <a:pt x="0" y="0"/>
                      </a:lnTo>
                      <a:lnTo>
                        <a:pt x="0" y="3"/>
                      </a:lnTo>
                      <a:lnTo>
                        <a:pt x="49" y="28"/>
                      </a:lnTo>
                      <a:lnTo>
                        <a:pt x="100" y="87"/>
                      </a:lnTo>
                      <a:lnTo>
                        <a:pt x="100" y="83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0" name="Freeform 89">
                  <a:extLst>
                    <a:ext uri="{FF2B5EF4-FFF2-40B4-BE49-F238E27FC236}">
                      <a16:creationId xmlns:a16="http://schemas.microsoft.com/office/drawing/2014/main" id="{5055BF16-6FB1-47C3-906B-F297646D956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745" y="2678"/>
                  <a:ext cx="137" cy="276"/>
                </a:xfrm>
                <a:custGeom>
                  <a:avLst/>
                  <a:gdLst>
                    <a:gd name="T0" fmla="*/ 1 w 273"/>
                    <a:gd name="T1" fmla="*/ 0 h 553"/>
                    <a:gd name="T2" fmla="*/ 1 w 273"/>
                    <a:gd name="T3" fmla="*/ 0 h 553"/>
                    <a:gd name="T4" fmla="*/ 1 w 273"/>
                    <a:gd name="T5" fmla="*/ 0 h 553"/>
                    <a:gd name="T6" fmla="*/ 1 w 273"/>
                    <a:gd name="T7" fmla="*/ 0 h 553"/>
                    <a:gd name="T8" fmla="*/ 1 w 273"/>
                    <a:gd name="T9" fmla="*/ 0 h 553"/>
                    <a:gd name="T10" fmla="*/ 1 w 273"/>
                    <a:gd name="T11" fmla="*/ 0 h 553"/>
                    <a:gd name="T12" fmla="*/ 1 w 273"/>
                    <a:gd name="T13" fmla="*/ 0 h 553"/>
                    <a:gd name="T14" fmla="*/ 1 w 273"/>
                    <a:gd name="T15" fmla="*/ 0 h 553"/>
                    <a:gd name="T16" fmla="*/ 1 w 273"/>
                    <a:gd name="T17" fmla="*/ 0 h 553"/>
                    <a:gd name="T18" fmla="*/ 1 w 273"/>
                    <a:gd name="T19" fmla="*/ 0 h 553"/>
                    <a:gd name="T20" fmla="*/ 1 w 273"/>
                    <a:gd name="T21" fmla="*/ 0 h 553"/>
                    <a:gd name="T22" fmla="*/ 1 w 273"/>
                    <a:gd name="T23" fmla="*/ 0 h 553"/>
                    <a:gd name="T24" fmla="*/ 1 w 273"/>
                    <a:gd name="T25" fmla="*/ 0 h 553"/>
                    <a:gd name="T26" fmla="*/ 1 w 273"/>
                    <a:gd name="T27" fmla="*/ 0 h 553"/>
                    <a:gd name="T28" fmla="*/ 1 w 273"/>
                    <a:gd name="T29" fmla="*/ 0 h 553"/>
                    <a:gd name="T30" fmla="*/ 1 w 273"/>
                    <a:gd name="T31" fmla="*/ 0 h 553"/>
                    <a:gd name="T32" fmla="*/ 1 w 273"/>
                    <a:gd name="T33" fmla="*/ 0 h 553"/>
                    <a:gd name="T34" fmla="*/ 1 w 273"/>
                    <a:gd name="T35" fmla="*/ 0 h 553"/>
                    <a:gd name="T36" fmla="*/ 1 w 273"/>
                    <a:gd name="T37" fmla="*/ 0 h 553"/>
                    <a:gd name="T38" fmla="*/ 1 w 273"/>
                    <a:gd name="T39" fmla="*/ 0 h 553"/>
                    <a:gd name="T40" fmla="*/ 1 w 273"/>
                    <a:gd name="T41" fmla="*/ 0 h 553"/>
                    <a:gd name="T42" fmla="*/ 1 w 273"/>
                    <a:gd name="T43" fmla="*/ 0 h 553"/>
                    <a:gd name="T44" fmla="*/ 0 w 273"/>
                    <a:gd name="T45" fmla="*/ 0 h 553"/>
                    <a:gd name="T46" fmla="*/ 1 w 273"/>
                    <a:gd name="T47" fmla="*/ 0 h 553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</a:gdLst>
                  <a:ahLst/>
                  <a:cxnLst>
                    <a:cxn ang="T48">
                      <a:pos x="T0" y="T1"/>
                    </a:cxn>
                    <a:cxn ang="T49">
                      <a:pos x="T2" y="T3"/>
                    </a:cxn>
                    <a:cxn ang="T50">
                      <a:pos x="T4" y="T5"/>
                    </a:cxn>
                    <a:cxn ang="T51">
                      <a:pos x="T6" y="T7"/>
                    </a:cxn>
                    <a:cxn ang="T52">
                      <a:pos x="T8" y="T9"/>
                    </a:cxn>
                    <a:cxn ang="T53">
                      <a:pos x="T10" y="T11"/>
                    </a:cxn>
                    <a:cxn ang="T54">
                      <a:pos x="T12" y="T13"/>
                    </a:cxn>
                    <a:cxn ang="T55">
                      <a:pos x="T14" y="T15"/>
                    </a:cxn>
                    <a:cxn ang="T56">
                      <a:pos x="T16" y="T17"/>
                    </a:cxn>
                    <a:cxn ang="T57">
                      <a:pos x="T18" y="T19"/>
                    </a:cxn>
                    <a:cxn ang="T58">
                      <a:pos x="T20" y="T21"/>
                    </a:cxn>
                    <a:cxn ang="T59">
                      <a:pos x="T22" y="T23"/>
                    </a:cxn>
                    <a:cxn ang="T60">
                      <a:pos x="T24" y="T25"/>
                    </a:cxn>
                    <a:cxn ang="T61">
                      <a:pos x="T26" y="T27"/>
                    </a:cxn>
                    <a:cxn ang="T62">
                      <a:pos x="T28" y="T29"/>
                    </a:cxn>
                    <a:cxn ang="T63">
                      <a:pos x="T30" y="T31"/>
                    </a:cxn>
                    <a:cxn ang="T64">
                      <a:pos x="T32" y="T33"/>
                    </a:cxn>
                    <a:cxn ang="T65">
                      <a:pos x="T34" y="T35"/>
                    </a:cxn>
                    <a:cxn ang="T66">
                      <a:pos x="T36" y="T37"/>
                    </a:cxn>
                    <a:cxn ang="T67">
                      <a:pos x="T38" y="T39"/>
                    </a:cxn>
                    <a:cxn ang="T68">
                      <a:pos x="T40" y="T41"/>
                    </a:cxn>
                    <a:cxn ang="T69">
                      <a:pos x="T42" y="T43"/>
                    </a:cxn>
                    <a:cxn ang="T70">
                      <a:pos x="T44" y="T45"/>
                    </a:cxn>
                    <a:cxn ang="T71">
                      <a:pos x="T46" y="T47"/>
                    </a:cxn>
                  </a:cxnLst>
                  <a:rect l="0" t="0" r="r" b="b"/>
                  <a:pathLst>
                    <a:path w="273" h="553">
                      <a:moveTo>
                        <a:pt x="2" y="388"/>
                      </a:moveTo>
                      <a:lnTo>
                        <a:pt x="88" y="433"/>
                      </a:lnTo>
                      <a:lnTo>
                        <a:pt x="152" y="465"/>
                      </a:lnTo>
                      <a:lnTo>
                        <a:pt x="206" y="536"/>
                      </a:lnTo>
                      <a:lnTo>
                        <a:pt x="234" y="553"/>
                      </a:lnTo>
                      <a:lnTo>
                        <a:pt x="237" y="552"/>
                      </a:lnTo>
                      <a:lnTo>
                        <a:pt x="232" y="423"/>
                      </a:lnTo>
                      <a:lnTo>
                        <a:pt x="260" y="352"/>
                      </a:lnTo>
                      <a:lnTo>
                        <a:pt x="273" y="266"/>
                      </a:lnTo>
                      <a:lnTo>
                        <a:pt x="269" y="184"/>
                      </a:lnTo>
                      <a:lnTo>
                        <a:pt x="273" y="101"/>
                      </a:lnTo>
                      <a:lnTo>
                        <a:pt x="209" y="0"/>
                      </a:lnTo>
                      <a:lnTo>
                        <a:pt x="206" y="2"/>
                      </a:lnTo>
                      <a:lnTo>
                        <a:pt x="271" y="101"/>
                      </a:lnTo>
                      <a:lnTo>
                        <a:pt x="267" y="184"/>
                      </a:lnTo>
                      <a:lnTo>
                        <a:pt x="271" y="266"/>
                      </a:lnTo>
                      <a:lnTo>
                        <a:pt x="258" y="352"/>
                      </a:lnTo>
                      <a:lnTo>
                        <a:pt x="230" y="423"/>
                      </a:lnTo>
                      <a:lnTo>
                        <a:pt x="234" y="549"/>
                      </a:lnTo>
                      <a:lnTo>
                        <a:pt x="209" y="534"/>
                      </a:lnTo>
                      <a:lnTo>
                        <a:pt x="154" y="463"/>
                      </a:lnTo>
                      <a:lnTo>
                        <a:pt x="88" y="431"/>
                      </a:lnTo>
                      <a:lnTo>
                        <a:pt x="0" y="384"/>
                      </a:lnTo>
                      <a:lnTo>
                        <a:pt x="2" y="388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1" name="Freeform 90">
                  <a:extLst>
                    <a:ext uri="{FF2B5EF4-FFF2-40B4-BE49-F238E27FC236}">
                      <a16:creationId xmlns:a16="http://schemas.microsoft.com/office/drawing/2014/main" id="{86FDA9B1-C30E-448F-ACA0-3CC3AB07C9D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801" y="2624"/>
                  <a:ext cx="171" cy="55"/>
                </a:xfrm>
                <a:custGeom>
                  <a:avLst/>
                  <a:gdLst>
                    <a:gd name="T0" fmla="*/ 1 w 342"/>
                    <a:gd name="T1" fmla="*/ 1 h 109"/>
                    <a:gd name="T2" fmla="*/ 1 w 342"/>
                    <a:gd name="T3" fmla="*/ 1 h 109"/>
                    <a:gd name="T4" fmla="*/ 1 w 342"/>
                    <a:gd name="T5" fmla="*/ 1 h 109"/>
                    <a:gd name="T6" fmla="*/ 1 w 342"/>
                    <a:gd name="T7" fmla="*/ 1 h 109"/>
                    <a:gd name="T8" fmla="*/ 1 w 342"/>
                    <a:gd name="T9" fmla="*/ 1 h 109"/>
                    <a:gd name="T10" fmla="*/ 1 w 342"/>
                    <a:gd name="T11" fmla="*/ 1 h 109"/>
                    <a:gd name="T12" fmla="*/ 1 w 342"/>
                    <a:gd name="T13" fmla="*/ 1 h 109"/>
                    <a:gd name="T14" fmla="*/ 1 w 342"/>
                    <a:gd name="T15" fmla="*/ 1 h 109"/>
                    <a:gd name="T16" fmla="*/ 1 w 342"/>
                    <a:gd name="T17" fmla="*/ 1 h 109"/>
                    <a:gd name="T18" fmla="*/ 1 w 342"/>
                    <a:gd name="T19" fmla="*/ 0 h 109"/>
                    <a:gd name="T20" fmla="*/ 0 w 342"/>
                    <a:gd name="T21" fmla="*/ 1 h 109"/>
                    <a:gd name="T22" fmla="*/ 1 w 342"/>
                    <a:gd name="T23" fmla="*/ 1 h 109"/>
                    <a:gd name="T24" fmla="*/ 1 w 342"/>
                    <a:gd name="T25" fmla="*/ 1 h 109"/>
                    <a:gd name="T26" fmla="*/ 1 w 342"/>
                    <a:gd name="T27" fmla="*/ 1 h 109"/>
                    <a:gd name="T28" fmla="*/ 0 60000 65536"/>
                    <a:gd name="T29" fmla="*/ 0 60000 65536"/>
                    <a:gd name="T30" fmla="*/ 0 60000 65536"/>
                    <a:gd name="T31" fmla="*/ 0 60000 65536"/>
                    <a:gd name="T32" fmla="*/ 0 60000 65536"/>
                    <a:gd name="T33" fmla="*/ 0 60000 65536"/>
                    <a:gd name="T34" fmla="*/ 0 60000 65536"/>
                    <a:gd name="T35" fmla="*/ 0 60000 65536"/>
                    <a:gd name="T36" fmla="*/ 0 60000 65536"/>
                    <a:gd name="T37" fmla="*/ 0 60000 65536"/>
                    <a:gd name="T38" fmla="*/ 0 60000 65536"/>
                    <a:gd name="T39" fmla="*/ 0 60000 65536"/>
                    <a:gd name="T40" fmla="*/ 0 60000 65536"/>
                    <a:gd name="T41" fmla="*/ 0 60000 65536"/>
                  </a:gdLst>
                  <a:ahLst/>
                  <a:cxnLst>
                    <a:cxn ang="T28">
                      <a:pos x="T0" y="T1"/>
                    </a:cxn>
                    <a:cxn ang="T29">
                      <a:pos x="T2" y="T3"/>
                    </a:cxn>
                    <a:cxn ang="T30">
                      <a:pos x="T4" y="T5"/>
                    </a:cxn>
                    <a:cxn ang="T31">
                      <a:pos x="T6" y="T7"/>
                    </a:cxn>
                    <a:cxn ang="T32">
                      <a:pos x="T8" y="T9"/>
                    </a:cxn>
                    <a:cxn ang="T33">
                      <a:pos x="T10" y="T11"/>
                    </a:cxn>
                    <a:cxn ang="T34">
                      <a:pos x="T12" y="T13"/>
                    </a:cxn>
                    <a:cxn ang="T35">
                      <a:pos x="T14" y="T15"/>
                    </a:cxn>
                    <a:cxn ang="T36">
                      <a:pos x="T16" y="T17"/>
                    </a:cxn>
                    <a:cxn ang="T37">
                      <a:pos x="T18" y="T19"/>
                    </a:cxn>
                    <a:cxn ang="T38">
                      <a:pos x="T20" y="T21"/>
                    </a:cxn>
                    <a:cxn ang="T39">
                      <a:pos x="T22" y="T23"/>
                    </a:cxn>
                    <a:cxn ang="T40">
                      <a:pos x="T24" y="T25"/>
                    </a:cxn>
                    <a:cxn ang="T41">
                      <a:pos x="T26" y="T27"/>
                    </a:cxn>
                  </a:cxnLst>
                  <a:rect l="0" t="0" r="r" b="b"/>
                  <a:pathLst>
                    <a:path w="342" h="109">
                      <a:moveTo>
                        <a:pt x="99" y="107"/>
                      </a:moveTo>
                      <a:lnTo>
                        <a:pt x="44" y="66"/>
                      </a:lnTo>
                      <a:lnTo>
                        <a:pt x="4" y="2"/>
                      </a:lnTo>
                      <a:lnTo>
                        <a:pt x="121" y="14"/>
                      </a:lnTo>
                      <a:lnTo>
                        <a:pt x="254" y="72"/>
                      </a:lnTo>
                      <a:lnTo>
                        <a:pt x="340" y="109"/>
                      </a:lnTo>
                      <a:lnTo>
                        <a:pt x="342" y="107"/>
                      </a:lnTo>
                      <a:lnTo>
                        <a:pt x="254" y="70"/>
                      </a:lnTo>
                      <a:lnTo>
                        <a:pt x="121" y="12"/>
                      </a:lnTo>
                      <a:lnTo>
                        <a:pt x="1" y="0"/>
                      </a:lnTo>
                      <a:lnTo>
                        <a:pt x="0" y="2"/>
                      </a:lnTo>
                      <a:lnTo>
                        <a:pt x="42" y="68"/>
                      </a:lnTo>
                      <a:lnTo>
                        <a:pt x="96" y="109"/>
                      </a:lnTo>
                      <a:lnTo>
                        <a:pt x="99" y="107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2" name="Freeform 91">
                  <a:extLst>
                    <a:ext uri="{FF2B5EF4-FFF2-40B4-BE49-F238E27FC236}">
                      <a16:creationId xmlns:a16="http://schemas.microsoft.com/office/drawing/2014/main" id="{218BB504-3E6F-4C31-AEA1-0D161FF8936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1971" y="2352"/>
                  <a:ext cx="69" cy="360"/>
                </a:xfrm>
                <a:custGeom>
                  <a:avLst/>
                  <a:gdLst>
                    <a:gd name="T0" fmla="*/ 0 w 140"/>
                    <a:gd name="T1" fmla="*/ 1 h 720"/>
                    <a:gd name="T2" fmla="*/ 0 w 140"/>
                    <a:gd name="T3" fmla="*/ 1 h 720"/>
                    <a:gd name="T4" fmla="*/ 0 w 140"/>
                    <a:gd name="T5" fmla="*/ 1 h 720"/>
                    <a:gd name="T6" fmla="*/ 0 w 140"/>
                    <a:gd name="T7" fmla="*/ 1 h 720"/>
                    <a:gd name="T8" fmla="*/ 0 w 140"/>
                    <a:gd name="T9" fmla="*/ 1 h 720"/>
                    <a:gd name="T10" fmla="*/ 0 w 140"/>
                    <a:gd name="T11" fmla="*/ 1 h 720"/>
                    <a:gd name="T12" fmla="*/ 0 w 140"/>
                    <a:gd name="T13" fmla="*/ 1 h 720"/>
                    <a:gd name="T14" fmla="*/ 0 w 140"/>
                    <a:gd name="T15" fmla="*/ 1 h 720"/>
                    <a:gd name="T16" fmla="*/ 0 w 140"/>
                    <a:gd name="T17" fmla="*/ 1 h 720"/>
                    <a:gd name="T18" fmla="*/ 0 w 140"/>
                    <a:gd name="T19" fmla="*/ 0 h 720"/>
                    <a:gd name="T20" fmla="*/ 0 w 140"/>
                    <a:gd name="T21" fmla="*/ 0 h 720"/>
                    <a:gd name="T22" fmla="*/ 0 w 140"/>
                    <a:gd name="T23" fmla="*/ 1 h 720"/>
                    <a:gd name="T24" fmla="*/ 0 w 140"/>
                    <a:gd name="T25" fmla="*/ 1 h 720"/>
                    <a:gd name="T26" fmla="*/ 0 w 140"/>
                    <a:gd name="T27" fmla="*/ 1 h 720"/>
                    <a:gd name="T28" fmla="*/ 0 w 140"/>
                    <a:gd name="T29" fmla="*/ 1 h 720"/>
                    <a:gd name="T30" fmla="*/ 0 w 140"/>
                    <a:gd name="T31" fmla="*/ 1 h 720"/>
                    <a:gd name="T32" fmla="*/ 0 w 140"/>
                    <a:gd name="T33" fmla="*/ 1 h 720"/>
                    <a:gd name="T34" fmla="*/ 0 w 140"/>
                    <a:gd name="T35" fmla="*/ 1 h 720"/>
                    <a:gd name="T36" fmla="*/ 0 w 140"/>
                    <a:gd name="T37" fmla="*/ 1 h 720"/>
                    <a:gd name="T38" fmla="*/ 0 w 140"/>
                    <a:gd name="T39" fmla="*/ 1 h 720"/>
                    <a:gd name="T40" fmla="*/ 0 60000 65536"/>
                    <a:gd name="T41" fmla="*/ 0 60000 65536"/>
                    <a:gd name="T42" fmla="*/ 0 60000 65536"/>
                    <a:gd name="T43" fmla="*/ 0 60000 65536"/>
                    <a:gd name="T44" fmla="*/ 0 60000 65536"/>
                    <a:gd name="T45" fmla="*/ 0 60000 65536"/>
                    <a:gd name="T46" fmla="*/ 0 60000 65536"/>
                    <a:gd name="T47" fmla="*/ 0 60000 65536"/>
                    <a:gd name="T48" fmla="*/ 0 60000 65536"/>
                    <a:gd name="T49" fmla="*/ 0 60000 65536"/>
                    <a:gd name="T50" fmla="*/ 0 60000 65536"/>
                    <a:gd name="T51" fmla="*/ 0 60000 65536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</a:gdLst>
                  <a:ahLst/>
                  <a:cxnLst>
                    <a:cxn ang="T40">
                      <a:pos x="T0" y="T1"/>
                    </a:cxn>
                    <a:cxn ang="T41">
                      <a:pos x="T2" y="T3"/>
                    </a:cxn>
                    <a:cxn ang="T42">
                      <a:pos x="T4" y="T5"/>
                    </a:cxn>
                    <a:cxn ang="T43">
                      <a:pos x="T6" y="T7"/>
                    </a:cxn>
                    <a:cxn ang="T44">
                      <a:pos x="T8" y="T9"/>
                    </a:cxn>
                    <a:cxn ang="T45">
                      <a:pos x="T10" y="T11"/>
                    </a:cxn>
                    <a:cxn ang="T46">
                      <a:pos x="T12" y="T13"/>
                    </a:cxn>
                    <a:cxn ang="T47">
                      <a:pos x="T14" y="T15"/>
                    </a:cxn>
                    <a:cxn ang="T48">
                      <a:pos x="T16" y="T17"/>
                    </a:cxn>
                    <a:cxn ang="T49">
                      <a:pos x="T18" y="T19"/>
                    </a:cxn>
                    <a:cxn ang="T50">
                      <a:pos x="T20" y="T21"/>
                    </a:cxn>
                    <a:cxn ang="T51">
                      <a:pos x="T22" y="T23"/>
                    </a:cxn>
                    <a:cxn ang="T52">
                      <a:pos x="T24" y="T25"/>
                    </a:cxn>
                    <a:cxn ang="T53">
                      <a:pos x="T26" y="T27"/>
                    </a:cxn>
                    <a:cxn ang="T54">
                      <a:pos x="T28" y="T29"/>
                    </a:cxn>
                    <a:cxn ang="T55">
                      <a:pos x="T30" y="T31"/>
                    </a:cxn>
                    <a:cxn ang="T56">
                      <a:pos x="T32" y="T33"/>
                    </a:cxn>
                    <a:cxn ang="T57">
                      <a:pos x="T34" y="T35"/>
                    </a:cxn>
                    <a:cxn ang="T58">
                      <a:pos x="T36" y="T37"/>
                    </a:cxn>
                    <a:cxn ang="T59">
                      <a:pos x="T38" y="T39"/>
                    </a:cxn>
                  </a:cxnLst>
                  <a:rect l="0" t="0" r="r" b="b"/>
                  <a:pathLst>
                    <a:path w="140" h="720">
                      <a:moveTo>
                        <a:pt x="0" y="654"/>
                      </a:moveTo>
                      <a:lnTo>
                        <a:pt x="70" y="720"/>
                      </a:lnTo>
                      <a:lnTo>
                        <a:pt x="113" y="636"/>
                      </a:lnTo>
                      <a:lnTo>
                        <a:pt x="99" y="541"/>
                      </a:lnTo>
                      <a:lnTo>
                        <a:pt x="72" y="417"/>
                      </a:lnTo>
                      <a:lnTo>
                        <a:pt x="48" y="285"/>
                      </a:lnTo>
                      <a:lnTo>
                        <a:pt x="67" y="169"/>
                      </a:lnTo>
                      <a:lnTo>
                        <a:pt x="94" y="86"/>
                      </a:lnTo>
                      <a:lnTo>
                        <a:pt x="139" y="2"/>
                      </a:lnTo>
                      <a:lnTo>
                        <a:pt x="140" y="0"/>
                      </a:lnTo>
                      <a:lnTo>
                        <a:pt x="137" y="0"/>
                      </a:lnTo>
                      <a:lnTo>
                        <a:pt x="92" y="86"/>
                      </a:lnTo>
                      <a:lnTo>
                        <a:pt x="65" y="169"/>
                      </a:lnTo>
                      <a:lnTo>
                        <a:pt x="46" y="285"/>
                      </a:lnTo>
                      <a:lnTo>
                        <a:pt x="69" y="417"/>
                      </a:lnTo>
                      <a:lnTo>
                        <a:pt x="97" y="541"/>
                      </a:lnTo>
                      <a:lnTo>
                        <a:pt x="111" y="636"/>
                      </a:lnTo>
                      <a:lnTo>
                        <a:pt x="70" y="718"/>
                      </a:lnTo>
                      <a:lnTo>
                        <a:pt x="2" y="652"/>
                      </a:lnTo>
                      <a:lnTo>
                        <a:pt x="0" y="654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3" name="Freeform 92">
                  <a:extLst>
                    <a:ext uri="{FF2B5EF4-FFF2-40B4-BE49-F238E27FC236}">
                      <a16:creationId xmlns:a16="http://schemas.microsoft.com/office/drawing/2014/main" id="{2D0EE42C-E9D4-41B9-A8E8-F8822537666D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85"/>
                </a:xfrm>
                <a:custGeom>
                  <a:avLst/>
                  <a:gdLst>
                    <a:gd name="T0" fmla="*/ 1 w 82"/>
                    <a:gd name="T1" fmla="*/ 1 h 369"/>
                    <a:gd name="T2" fmla="*/ 1 w 82"/>
                    <a:gd name="T3" fmla="*/ 1 h 369"/>
                    <a:gd name="T4" fmla="*/ 1 w 82"/>
                    <a:gd name="T5" fmla="*/ 1 h 369"/>
                    <a:gd name="T6" fmla="*/ 1 w 82"/>
                    <a:gd name="T7" fmla="*/ 1 h 369"/>
                    <a:gd name="T8" fmla="*/ 1 w 82"/>
                    <a:gd name="T9" fmla="*/ 1 h 369"/>
                    <a:gd name="T10" fmla="*/ 1 w 82"/>
                    <a:gd name="T11" fmla="*/ 1 h 369"/>
                    <a:gd name="T12" fmla="*/ 1 w 82"/>
                    <a:gd name="T13" fmla="*/ 1 h 369"/>
                    <a:gd name="T14" fmla="*/ 1 w 82"/>
                    <a:gd name="T15" fmla="*/ 1 h 369"/>
                    <a:gd name="T16" fmla="*/ 1 w 82"/>
                    <a:gd name="T17" fmla="*/ 1 h 369"/>
                    <a:gd name="T18" fmla="*/ 1 w 82"/>
                    <a:gd name="T19" fmla="*/ 1 h 369"/>
                    <a:gd name="T20" fmla="*/ 1 w 82"/>
                    <a:gd name="T21" fmla="*/ 1 h 369"/>
                    <a:gd name="T22" fmla="*/ 0 w 82"/>
                    <a:gd name="T23" fmla="*/ 1 h 369"/>
                    <a:gd name="T24" fmla="*/ 1 w 82"/>
                    <a:gd name="T25" fmla="*/ 1 h 369"/>
                    <a:gd name="T26" fmla="*/ 1 w 82"/>
                    <a:gd name="T27" fmla="*/ 1 h 369"/>
                    <a:gd name="T28" fmla="*/ 1 w 82"/>
                    <a:gd name="T29" fmla="*/ 1 h 369"/>
                    <a:gd name="T30" fmla="*/ 1 w 82"/>
                    <a:gd name="T31" fmla="*/ 1 h 369"/>
                    <a:gd name="T32" fmla="*/ 1 w 82"/>
                    <a:gd name="T33" fmla="*/ 1 h 369"/>
                    <a:gd name="T34" fmla="*/ 1 w 82"/>
                    <a:gd name="T35" fmla="*/ 1 h 369"/>
                    <a:gd name="T36" fmla="*/ 1 w 82"/>
                    <a:gd name="T37" fmla="*/ 1 h 369"/>
                    <a:gd name="T38" fmla="*/ 1 w 82"/>
                    <a:gd name="T39" fmla="*/ 1 h 369"/>
                    <a:gd name="T40" fmla="*/ 1 w 82"/>
                    <a:gd name="T41" fmla="*/ 1 h 369"/>
                    <a:gd name="T42" fmla="*/ 1 w 82"/>
                    <a:gd name="T43" fmla="*/ 1 h 369"/>
                    <a:gd name="T44" fmla="*/ 1 w 82"/>
                    <a:gd name="T45" fmla="*/ 1 h 369"/>
                    <a:gd name="T46" fmla="*/ 1 w 82"/>
                    <a:gd name="T47" fmla="*/ 1 h 369"/>
                    <a:gd name="T48" fmla="*/ 1 w 82"/>
                    <a:gd name="T49" fmla="*/ 1 h 369"/>
                    <a:gd name="T50" fmla="*/ 1 w 82"/>
                    <a:gd name="T51" fmla="*/ 1 h 369"/>
                    <a:gd name="T52" fmla="*/ 1 w 82"/>
                    <a:gd name="T53" fmla="*/ 1 h 369"/>
                    <a:gd name="T54" fmla="*/ 1 w 82"/>
                    <a:gd name="T55" fmla="*/ 1 h 369"/>
                    <a:gd name="T56" fmla="*/ 1 w 82"/>
                    <a:gd name="T57" fmla="*/ 1 h 369"/>
                    <a:gd name="T58" fmla="*/ 1 w 82"/>
                    <a:gd name="T59" fmla="*/ 1 h 369"/>
                    <a:gd name="T60" fmla="*/ 1 w 82"/>
                    <a:gd name="T61" fmla="*/ 1 h 369"/>
                    <a:gd name="T62" fmla="*/ 1 w 82"/>
                    <a:gd name="T63" fmla="*/ 1 h 369"/>
                    <a:gd name="T64" fmla="*/ 1 w 82"/>
                    <a:gd name="T65" fmla="*/ 1 h 369"/>
                    <a:gd name="T66" fmla="*/ 1 w 82"/>
                    <a:gd name="T67" fmla="*/ 1 h 369"/>
                    <a:gd name="T68" fmla="*/ 1 w 82"/>
                    <a:gd name="T69" fmla="*/ 1 h 369"/>
                    <a:gd name="T70" fmla="*/ 1 w 82"/>
                    <a:gd name="T71" fmla="*/ 1 h 369"/>
                    <a:gd name="T72" fmla="*/ 1 w 82"/>
                    <a:gd name="T73" fmla="*/ 1 h 369"/>
                    <a:gd name="T74" fmla="*/ 1 w 82"/>
                    <a:gd name="T75" fmla="*/ 1 h 369"/>
                    <a:gd name="T76" fmla="*/ 1 w 82"/>
                    <a:gd name="T77" fmla="*/ 1 h 369"/>
                    <a:gd name="T78" fmla="*/ 1 w 82"/>
                    <a:gd name="T79" fmla="*/ 1 h 369"/>
                    <a:gd name="T80" fmla="*/ 1 w 82"/>
                    <a:gd name="T81" fmla="*/ 1 h 369"/>
                    <a:gd name="T82" fmla="*/ 1 w 82"/>
                    <a:gd name="T83" fmla="*/ 1 h 369"/>
                    <a:gd name="T84" fmla="*/ 1 w 82"/>
                    <a:gd name="T85" fmla="*/ 1 h 369"/>
                    <a:gd name="T86" fmla="*/ 1 w 82"/>
                    <a:gd name="T87" fmla="*/ 1 h 369"/>
                    <a:gd name="T88" fmla="*/ 1 w 82"/>
                    <a:gd name="T89" fmla="*/ 1 h 369"/>
                    <a:gd name="T90" fmla="*/ 1 w 82"/>
                    <a:gd name="T91" fmla="*/ 1 h 369"/>
                    <a:gd name="T92" fmla="*/ 1 w 82"/>
                    <a:gd name="T93" fmla="*/ 1 h 369"/>
                    <a:gd name="T94" fmla="*/ 1 w 82"/>
                    <a:gd name="T95" fmla="*/ 0 h 369"/>
                    <a:gd name="T96" fmla="*/ 1 w 82"/>
                    <a:gd name="T97" fmla="*/ 0 h 369"/>
                    <a:gd name="T98" fmla="*/ 1 w 82"/>
                    <a:gd name="T99" fmla="*/ 1 h 369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</a:gdLst>
                  <a:ahLst/>
                  <a:cxnLst>
                    <a:cxn ang="T100">
                      <a:pos x="T0" y="T1"/>
                    </a:cxn>
                    <a:cxn ang="T101">
                      <a:pos x="T2" y="T3"/>
                    </a:cxn>
                    <a:cxn ang="T102">
                      <a:pos x="T4" y="T5"/>
                    </a:cxn>
                    <a:cxn ang="T103">
                      <a:pos x="T6" y="T7"/>
                    </a:cxn>
                    <a:cxn ang="T104">
                      <a:pos x="T8" y="T9"/>
                    </a:cxn>
                    <a:cxn ang="T105">
                      <a:pos x="T10" y="T11"/>
                    </a:cxn>
                    <a:cxn ang="T106">
                      <a:pos x="T12" y="T13"/>
                    </a:cxn>
                    <a:cxn ang="T107">
                      <a:pos x="T14" y="T15"/>
                    </a:cxn>
                    <a:cxn ang="T108">
                      <a:pos x="T16" y="T17"/>
                    </a:cxn>
                    <a:cxn ang="T109">
                      <a:pos x="T18" y="T19"/>
                    </a:cxn>
                    <a:cxn ang="T110">
                      <a:pos x="T20" y="T21"/>
                    </a:cxn>
                    <a:cxn ang="T111">
                      <a:pos x="T22" y="T23"/>
                    </a:cxn>
                    <a:cxn ang="T112">
                      <a:pos x="T24" y="T25"/>
                    </a:cxn>
                    <a:cxn ang="T113">
                      <a:pos x="T26" y="T27"/>
                    </a:cxn>
                    <a:cxn ang="T114">
                      <a:pos x="T28" y="T29"/>
                    </a:cxn>
                    <a:cxn ang="T115">
                      <a:pos x="T30" y="T31"/>
                    </a:cxn>
                    <a:cxn ang="T116">
                      <a:pos x="T32" y="T33"/>
                    </a:cxn>
                    <a:cxn ang="T117">
                      <a:pos x="T34" y="T35"/>
                    </a:cxn>
                    <a:cxn ang="T118">
                      <a:pos x="T36" y="T37"/>
                    </a:cxn>
                    <a:cxn ang="T119">
                      <a:pos x="T38" y="T39"/>
                    </a:cxn>
                    <a:cxn ang="T120">
                      <a:pos x="T40" y="T41"/>
                    </a:cxn>
                    <a:cxn ang="T121">
                      <a:pos x="T42" y="T43"/>
                    </a:cxn>
                    <a:cxn ang="T122">
                      <a:pos x="T44" y="T45"/>
                    </a:cxn>
                    <a:cxn ang="T123">
                      <a:pos x="T46" y="T47"/>
                    </a:cxn>
                    <a:cxn ang="T124">
                      <a:pos x="T48" y="T49"/>
                    </a:cxn>
                    <a:cxn ang="T125">
                      <a:pos x="T50" y="T51"/>
                    </a:cxn>
                    <a:cxn ang="T126">
                      <a:pos x="T52" y="T53"/>
                    </a:cxn>
                    <a:cxn ang="T127">
                      <a:pos x="T54" y="T55"/>
                    </a:cxn>
                    <a:cxn ang="T128">
                      <a:pos x="T56" y="T57"/>
                    </a:cxn>
                    <a:cxn ang="T129">
                      <a:pos x="T58" y="T59"/>
                    </a:cxn>
                    <a:cxn ang="T130">
                      <a:pos x="T60" y="T61"/>
                    </a:cxn>
                    <a:cxn ang="T131">
                      <a:pos x="T62" y="T63"/>
                    </a:cxn>
                    <a:cxn ang="T132">
                      <a:pos x="T64" y="T65"/>
                    </a:cxn>
                    <a:cxn ang="T133">
                      <a:pos x="T66" y="T67"/>
                    </a:cxn>
                    <a:cxn ang="T134">
                      <a:pos x="T68" y="T69"/>
                    </a:cxn>
                    <a:cxn ang="T135">
                      <a:pos x="T70" y="T71"/>
                    </a:cxn>
                    <a:cxn ang="T136">
                      <a:pos x="T72" y="T73"/>
                    </a:cxn>
                    <a:cxn ang="T137">
                      <a:pos x="T74" y="T75"/>
                    </a:cxn>
                    <a:cxn ang="T138">
                      <a:pos x="T76" y="T77"/>
                    </a:cxn>
                    <a:cxn ang="T139">
                      <a:pos x="T78" y="T79"/>
                    </a:cxn>
                    <a:cxn ang="T140">
                      <a:pos x="T80" y="T81"/>
                    </a:cxn>
                    <a:cxn ang="T141">
                      <a:pos x="T82" y="T83"/>
                    </a:cxn>
                    <a:cxn ang="T142">
                      <a:pos x="T84" y="T85"/>
                    </a:cxn>
                    <a:cxn ang="T143">
                      <a:pos x="T86" y="T87"/>
                    </a:cxn>
                    <a:cxn ang="T144">
                      <a:pos x="T88" y="T89"/>
                    </a:cxn>
                    <a:cxn ang="T145">
                      <a:pos x="T90" y="T91"/>
                    </a:cxn>
                    <a:cxn ang="T146">
                      <a:pos x="T92" y="T93"/>
                    </a:cxn>
                    <a:cxn ang="T147">
                      <a:pos x="T94" y="T95"/>
                    </a:cxn>
                    <a:cxn ang="T148">
                      <a:pos x="T96" y="T97"/>
                    </a:cxn>
                    <a:cxn ang="T149">
                      <a:pos x="T98" y="T99"/>
                    </a:cxn>
                  </a:cxnLst>
                  <a:rect l="0" t="0" r="r" b="b"/>
                  <a:pathLst>
                    <a:path w="82" h="369">
                      <a:moveTo>
                        <a:pt x="36" y="1"/>
                      </a:move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6" y="330"/>
                      </a:lnTo>
                      <a:lnTo>
                        <a:pt x="21" y="343"/>
                      </a:lnTo>
                      <a:lnTo>
                        <a:pt x="25" y="353"/>
                      </a:lnTo>
                      <a:lnTo>
                        <a:pt x="31" y="362"/>
                      </a:lnTo>
                      <a:lnTo>
                        <a:pt x="36" y="367"/>
                      </a:lnTo>
                      <a:lnTo>
                        <a:pt x="41" y="369"/>
                      </a:lnTo>
                      <a:lnTo>
                        <a:pt x="48" y="367"/>
                      </a:lnTo>
                      <a:lnTo>
                        <a:pt x="53" y="362"/>
                      </a:lnTo>
                      <a:lnTo>
                        <a:pt x="58" y="353"/>
                      </a:lnTo>
                      <a:lnTo>
                        <a:pt x="62" y="343"/>
                      </a:lnTo>
                      <a:lnTo>
                        <a:pt x="67" y="330"/>
                      </a:ln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close/>
                    </a:path>
                  </a:pathLst>
                </a:custGeom>
                <a:solidFill>
                  <a:srgbClr val="CC4064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4" name="Freeform 93">
                  <a:extLst>
                    <a:ext uri="{FF2B5EF4-FFF2-40B4-BE49-F238E27FC236}">
                      <a16:creationId xmlns:a16="http://schemas.microsoft.com/office/drawing/2014/main" id="{4039160D-ADF1-4E8C-BED2-5BDA5BF5504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81"/>
                </a:xfrm>
                <a:custGeom>
                  <a:avLst/>
                  <a:gdLst>
                    <a:gd name="T0" fmla="*/ 1 w 82"/>
                    <a:gd name="T1" fmla="*/ 1 h 361"/>
                    <a:gd name="T2" fmla="*/ 1 w 82"/>
                    <a:gd name="T3" fmla="*/ 1 h 361"/>
                    <a:gd name="T4" fmla="*/ 1 w 82"/>
                    <a:gd name="T5" fmla="*/ 1 h 361"/>
                    <a:gd name="T6" fmla="*/ 1 w 82"/>
                    <a:gd name="T7" fmla="*/ 1 h 361"/>
                    <a:gd name="T8" fmla="*/ 1 w 82"/>
                    <a:gd name="T9" fmla="*/ 1 h 361"/>
                    <a:gd name="T10" fmla="*/ 1 w 82"/>
                    <a:gd name="T11" fmla="*/ 1 h 361"/>
                    <a:gd name="T12" fmla="*/ 1 w 82"/>
                    <a:gd name="T13" fmla="*/ 1 h 361"/>
                    <a:gd name="T14" fmla="*/ 1 w 82"/>
                    <a:gd name="T15" fmla="*/ 1 h 361"/>
                    <a:gd name="T16" fmla="*/ 1 w 82"/>
                    <a:gd name="T17" fmla="*/ 1 h 361"/>
                    <a:gd name="T18" fmla="*/ 1 w 82"/>
                    <a:gd name="T19" fmla="*/ 1 h 361"/>
                    <a:gd name="T20" fmla="*/ 1 w 82"/>
                    <a:gd name="T21" fmla="*/ 1 h 361"/>
                    <a:gd name="T22" fmla="*/ 1 w 82"/>
                    <a:gd name="T23" fmla="*/ 1 h 361"/>
                    <a:gd name="T24" fmla="*/ 1 w 82"/>
                    <a:gd name="T25" fmla="*/ 1 h 361"/>
                    <a:gd name="T26" fmla="*/ 1 w 82"/>
                    <a:gd name="T27" fmla="*/ 1 h 361"/>
                    <a:gd name="T28" fmla="*/ 1 w 82"/>
                    <a:gd name="T29" fmla="*/ 1 h 361"/>
                    <a:gd name="T30" fmla="*/ 1 w 82"/>
                    <a:gd name="T31" fmla="*/ 1 h 361"/>
                    <a:gd name="T32" fmla="*/ 1 w 82"/>
                    <a:gd name="T33" fmla="*/ 1 h 361"/>
                    <a:gd name="T34" fmla="*/ 1 w 82"/>
                    <a:gd name="T35" fmla="*/ 1 h 361"/>
                    <a:gd name="T36" fmla="*/ 1 w 82"/>
                    <a:gd name="T37" fmla="*/ 1 h 361"/>
                    <a:gd name="T38" fmla="*/ 1 w 82"/>
                    <a:gd name="T39" fmla="*/ 1 h 361"/>
                    <a:gd name="T40" fmla="*/ 1 w 82"/>
                    <a:gd name="T41" fmla="*/ 1 h 361"/>
                    <a:gd name="T42" fmla="*/ 1 w 82"/>
                    <a:gd name="T43" fmla="*/ 1 h 361"/>
                    <a:gd name="T44" fmla="*/ 1 w 82"/>
                    <a:gd name="T45" fmla="*/ 0 h 361"/>
                    <a:gd name="T46" fmla="*/ 1 w 82"/>
                    <a:gd name="T47" fmla="*/ 0 h 361"/>
                    <a:gd name="T48" fmla="*/ 1 w 82"/>
                    <a:gd name="T49" fmla="*/ 1 h 361"/>
                    <a:gd name="T50" fmla="*/ 1 w 82"/>
                    <a:gd name="T51" fmla="*/ 1 h 361"/>
                    <a:gd name="T52" fmla="*/ 1 w 82"/>
                    <a:gd name="T53" fmla="*/ 1 h 361"/>
                    <a:gd name="T54" fmla="*/ 1 w 82"/>
                    <a:gd name="T55" fmla="*/ 1 h 361"/>
                    <a:gd name="T56" fmla="*/ 1 w 82"/>
                    <a:gd name="T57" fmla="*/ 1 h 361"/>
                    <a:gd name="T58" fmla="*/ 1 w 82"/>
                    <a:gd name="T59" fmla="*/ 1 h 361"/>
                    <a:gd name="T60" fmla="*/ 1 w 82"/>
                    <a:gd name="T61" fmla="*/ 1 h 361"/>
                    <a:gd name="T62" fmla="*/ 1 w 82"/>
                    <a:gd name="T63" fmla="*/ 1 h 361"/>
                    <a:gd name="T64" fmla="*/ 1 w 82"/>
                    <a:gd name="T65" fmla="*/ 1 h 361"/>
                    <a:gd name="T66" fmla="*/ 1 w 82"/>
                    <a:gd name="T67" fmla="*/ 1 h 361"/>
                    <a:gd name="T68" fmla="*/ 1 w 82"/>
                    <a:gd name="T69" fmla="*/ 1 h 361"/>
                    <a:gd name="T70" fmla="*/ 1 w 82"/>
                    <a:gd name="T71" fmla="*/ 1 h 361"/>
                    <a:gd name="T72" fmla="*/ 0 w 82"/>
                    <a:gd name="T73" fmla="*/ 1 h 361"/>
                    <a:gd name="T74" fmla="*/ 1 w 82"/>
                    <a:gd name="T75" fmla="*/ 1 h 361"/>
                    <a:gd name="T76" fmla="*/ 1 w 82"/>
                    <a:gd name="T77" fmla="*/ 1 h 361"/>
                    <a:gd name="T78" fmla="*/ 1 w 82"/>
                    <a:gd name="T79" fmla="*/ 1 h 361"/>
                    <a:gd name="T80" fmla="*/ 1 w 82"/>
                    <a:gd name="T81" fmla="*/ 1 h 361"/>
                    <a:gd name="T82" fmla="*/ 1 w 82"/>
                    <a:gd name="T83" fmla="*/ 1 h 361"/>
                    <a:gd name="T84" fmla="*/ 1 w 82"/>
                    <a:gd name="T85" fmla="*/ 1 h 361"/>
                    <a:gd name="T86" fmla="*/ 1 w 82"/>
                    <a:gd name="T87" fmla="*/ 1 h 361"/>
                    <a:gd name="T88" fmla="*/ 1 w 82"/>
                    <a:gd name="T89" fmla="*/ 1 h 361"/>
                    <a:gd name="T90" fmla="*/ 1 w 82"/>
                    <a:gd name="T91" fmla="*/ 1 h 361"/>
                    <a:gd name="T92" fmla="*/ 1 w 82"/>
                    <a:gd name="T93" fmla="*/ 1 h 361"/>
                    <a:gd name="T94" fmla="*/ 1 w 82"/>
                    <a:gd name="T95" fmla="*/ 1 h 361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</a:gdLst>
                  <a:ahLst/>
                  <a:cxnLst>
                    <a:cxn ang="T96">
                      <a:pos x="T0" y="T1"/>
                    </a:cxn>
                    <a:cxn ang="T97">
                      <a:pos x="T2" y="T3"/>
                    </a:cxn>
                    <a:cxn ang="T98">
                      <a:pos x="T4" y="T5"/>
                    </a:cxn>
                    <a:cxn ang="T99">
                      <a:pos x="T6" y="T7"/>
                    </a:cxn>
                    <a:cxn ang="T100">
                      <a:pos x="T8" y="T9"/>
                    </a:cxn>
                    <a:cxn ang="T101">
                      <a:pos x="T10" y="T11"/>
                    </a:cxn>
                    <a:cxn ang="T102">
                      <a:pos x="T12" y="T13"/>
                    </a:cxn>
                    <a:cxn ang="T103">
                      <a:pos x="T14" y="T15"/>
                    </a:cxn>
                    <a:cxn ang="T104">
                      <a:pos x="T16" y="T17"/>
                    </a:cxn>
                    <a:cxn ang="T105">
                      <a:pos x="T18" y="T19"/>
                    </a:cxn>
                    <a:cxn ang="T106">
                      <a:pos x="T20" y="T21"/>
                    </a:cxn>
                    <a:cxn ang="T107">
                      <a:pos x="T22" y="T23"/>
                    </a:cxn>
                    <a:cxn ang="T108">
                      <a:pos x="T24" y="T25"/>
                    </a:cxn>
                    <a:cxn ang="T109">
                      <a:pos x="T26" y="T27"/>
                    </a:cxn>
                    <a:cxn ang="T110">
                      <a:pos x="T28" y="T29"/>
                    </a:cxn>
                    <a:cxn ang="T111">
                      <a:pos x="T30" y="T31"/>
                    </a:cxn>
                    <a:cxn ang="T112">
                      <a:pos x="T32" y="T33"/>
                    </a:cxn>
                    <a:cxn ang="T113">
                      <a:pos x="T34" y="T35"/>
                    </a:cxn>
                    <a:cxn ang="T114">
                      <a:pos x="T36" y="T37"/>
                    </a:cxn>
                    <a:cxn ang="T115">
                      <a:pos x="T38" y="T39"/>
                    </a:cxn>
                    <a:cxn ang="T116">
                      <a:pos x="T40" y="T41"/>
                    </a:cxn>
                    <a:cxn ang="T117">
                      <a:pos x="T42" y="T43"/>
                    </a:cxn>
                    <a:cxn ang="T118">
                      <a:pos x="T44" y="T45"/>
                    </a:cxn>
                    <a:cxn ang="T119">
                      <a:pos x="T46" y="T47"/>
                    </a:cxn>
                    <a:cxn ang="T120">
                      <a:pos x="T48" y="T49"/>
                    </a:cxn>
                    <a:cxn ang="T121">
                      <a:pos x="T50" y="T51"/>
                    </a:cxn>
                    <a:cxn ang="T122">
                      <a:pos x="T52" y="T53"/>
                    </a:cxn>
                    <a:cxn ang="T123">
                      <a:pos x="T54" y="T55"/>
                    </a:cxn>
                    <a:cxn ang="T124">
                      <a:pos x="T56" y="T57"/>
                    </a:cxn>
                    <a:cxn ang="T125">
                      <a:pos x="T58" y="T59"/>
                    </a:cxn>
                    <a:cxn ang="T126">
                      <a:pos x="T60" y="T61"/>
                    </a:cxn>
                    <a:cxn ang="T127">
                      <a:pos x="T62" y="T63"/>
                    </a:cxn>
                    <a:cxn ang="T128">
                      <a:pos x="T64" y="T65"/>
                    </a:cxn>
                    <a:cxn ang="T129">
                      <a:pos x="T66" y="T67"/>
                    </a:cxn>
                    <a:cxn ang="T130">
                      <a:pos x="T68" y="T69"/>
                    </a:cxn>
                    <a:cxn ang="T131">
                      <a:pos x="T70" y="T71"/>
                    </a:cxn>
                    <a:cxn ang="T132">
                      <a:pos x="T72" y="T73"/>
                    </a:cxn>
                    <a:cxn ang="T133">
                      <a:pos x="T74" y="T75"/>
                    </a:cxn>
                    <a:cxn ang="T134">
                      <a:pos x="T76" y="T77"/>
                    </a:cxn>
                    <a:cxn ang="T135">
                      <a:pos x="T78" y="T79"/>
                    </a:cxn>
                    <a:cxn ang="T136">
                      <a:pos x="T80" y="T81"/>
                    </a:cxn>
                    <a:cxn ang="T137">
                      <a:pos x="T82" y="T83"/>
                    </a:cxn>
                    <a:cxn ang="T138">
                      <a:pos x="T84" y="T85"/>
                    </a:cxn>
                    <a:cxn ang="T139">
                      <a:pos x="T86" y="T87"/>
                    </a:cxn>
                    <a:cxn ang="T140">
                      <a:pos x="T88" y="T89"/>
                    </a:cxn>
                    <a:cxn ang="T141">
                      <a:pos x="T90" y="T91"/>
                    </a:cxn>
                    <a:cxn ang="T142">
                      <a:pos x="T92" y="T93"/>
                    </a:cxn>
                    <a:cxn ang="T143">
                      <a:pos x="T94" y="T95"/>
                    </a:cxn>
                  </a:cxnLst>
                  <a:rect l="0" t="0" r="r" b="b"/>
                  <a:pathLst>
                    <a:path w="82" h="361">
                      <a:moveTo>
                        <a:pt x="54" y="361"/>
                      </a:moveTo>
                      <a:lnTo>
                        <a:pt x="58" y="353"/>
                      </a:lnTo>
                      <a:lnTo>
                        <a:pt x="62" y="343"/>
                      </a:lnTo>
                      <a:lnTo>
                        <a:pt x="67" y="330"/>
                      </a:ln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6" y="330"/>
                      </a:lnTo>
                      <a:lnTo>
                        <a:pt x="21" y="343"/>
                      </a:lnTo>
                      <a:lnTo>
                        <a:pt x="25" y="353"/>
                      </a:lnTo>
                      <a:lnTo>
                        <a:pt x="31" y="360"/>
                      </a:lnTo>
                      <a:lnTo>
                        <a:pt x="54" y="361"/>
                      </a:lnTo>
                      <a:close/>
                    </a:path>
                  </a:pathLst>
                </a:custGeom>
                <a:solidFill>
                  <a:srgbClr val="DE4F5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5" name="Freeform 94">
                  <a:extLst>
                    <a:ext uri="{FF2B5EF4-FFF2-40B4-BE49-F238E27FC236}">
                      <a16:creationId xmlns:a16="http://schemas.microsoft.com/office/drawing/2014/main" id="{09BD8C21-DF45-4606-AB95-EC421A12718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74"/>
                </a:xfrm>
                <a:custGeom>
                  <a:avLst/>
                  <a:gdLst>
                    <a:gd name="T0" fmla="*/ 1 w 82"/>
                    <a:gd name="T1" fmla="*/ 1 h 347"/>
                    <a:gd name="T2" fmla="*/ 1 w 82"/>
                    <a:gd name="T3" fmla="*/ 1 h 347"/>
                    <a:gd name="T4" fmla="*/ 1 w 82"/>
                    <a:gd name="T5" fmla="*/ 1 h 347"/>
                    <a:gd name="T6" fmla="*/ 1 w 82"/>
                    <a:gd name="T7" fmla="*/ 1 h 347"/>
                    <a:gd name="T8" fmla="*/ 1 w 82"/>
                    <a:gd name="T9" fmla="*/ 1 h 347"/>
                    <a:gd name="T10" fmla="*/ 1 w 82"/>
                    <a:gd name="T11" fmla="*/ 1 h 347"/>
                    <a:gd name="T12" fmla="*/ 1 w 82"/>
                    <a:gd name="T13" fmla="*/ 1 h 347"/>
                    <a:gd name="T14" fmla="*/ 1 w 82"/>
                    <a:gd name="T15" fmla="*/ 1 h 347"/>
                    <a:gd name="T16" fmla="*/ 1 w 82"/>
                    <a:gd name="T17" fmla="*/ 1 h 347"/>
                    <a:gd name="T18" fmla="*/ 1 w 82"/>
                    <a:gd name="T19" fmla="*/ 1 h 347"/>
                    <a:gd name="T20" fmla="*/ 1 w 82"/>
                    <a:gd name="T21" fmla="*/ 1 h 347"/>
                    <a:gd name="T22" fmla="*/ 1 w 82"/>
                    <a:gd name="T23" fmla="*/ 1 h 347"/>
                    <a:gd name="T24" fmla="*/ 1 w 82"/>
                    <a:gd name="T25" fmla="*/ 1 h 347"/>
                    <a:gd name="T26" fmla="*/ 1 w 82"/>
                    <a:gd name="T27" fmla="*/ 1 h 347"/>
                    <a:gd name="T28" fmla="*/ 1 w 82"/>
                    <a:gd name="T29" fmla="*/ 1 h 347"/>
                    <a:gd name="T30" fmla="*/ 1 w 82"/>
                    <a:gd name="T31" fmla="*/ 1 h 347"/>
                    <a:gd name="T32" fmla="*/ 1 w 82"/>
                    <a:gd name="T33" fmla="*/ 1 h 347"/>
                    <a:gd name="T34" fmla="*/ 1 w 82"/>
                    <a:gd name="T35" fmla="*/ 1 h 347"/>
                    <a:gd name="T36" fmla="*/ 1 w 82"/>
                    <a:gd name="T37" fmla="*/ 1 h 347"/>
                    <a:gd name="T38" fmla="*/ 1 w 82"/>
                    <a:gd name="T39" fmla="*/ 1 h 347"/>
                    <a:gd name="T40" fmla="*/ 1 w 82"/>
                    <a:gd name="T41" fmla="*/ 1 h 347"/>
                    <a:gd name="T42" fmla="*/ 1 w 82"/>
                    <a:gd name="T43" fmla="*/ 0 h 347"/>
                    <a:gd name="T44" fmla="*/ 1 w 82"/>
                    <a:gd name="T45" fmla="*/ 0 h 347"/>
                    <a:gd name="T46" fmla="*/ 1 w 82"/>
                    <a:gd name="T47" fmla="*/ 1 h 347"/>
                    <a:gd name="T48" fmla="*/ 1 w 82"/>
                    <a:gd name="T49" fmla="*/ 1 h 347"/>
                    <a:gd name="T50" fmla="*/ 1 w 82"/>
                    <a:gd name="T51" fmla="*/ 1 h 347"/>
                    <a:gd name="T52" fmla="*/ 1 w 82"/>
                    <a:gd name="T53" fmla="*/ 1 h 347"/>
                    <a:gd name="T54" fmla="*/ 1 w 82"/>
                    <a:gd name="T55" fmla="*/ 1 h 347"/>
                    <a:gd name="T56" fmla="*/ 1 w 82"/>
                    <a:gd name="T57" fmla="*/ 1 h 347"/>
                    <a:gd name="T58" fmla="*/ 1 w 82"/>
                    <a:gd name="T59" fmla="*/ 1 h 347"/>
                    <a:gd name="T60" fmla="*/ 1 w 82"/>
                    <a:gd name="T61" fmla="*/ 1 h 347"/>
                    <a:gd name="T62" fmla="*/ 1 w 82"/>
                    <a:gd name="T63" fmla="*/ 1 h 347"/>
                    <a:gd name="T64" fmla="*/ 1 w 82"/>
                    <a:gd name="T65" fmla="*/ 1 h 347"/>
                    <a:gd name="T66" fmla="*/ 1 w 82"/>
                    <a:gd name="T67" fmla="*/ 1 h 347"/>
                    <a:gd name="T68" fmla="*/ 1 w 82"/>
                    <a:gd name="T69" fmla="*/ 1 h 347"/>
                    <a:gd name="T70" fmla="*/ 0 w 82"/>
                    <a:gd name="T71" fmla="*/ 1 h 347"/>
                    <a:gd name="T72" fmla="*/ 1 w 82"/>
                    <a:gd name="T73" fmla="*/ 1 h 347"/>
                    <a:gd name="T74" fmla="*/ 1 w 82"/>
                    <a:gd name="T75" fmla="*/ 1 h 347"/>
                    <a:gd name="T76" fmla="*/ 1 w 82"/>
                    <a:gd name="T77" fmla="*/ 1 h 347"/>
                    <a:gd name="T78" fmla="*/ 1 w 82"/>
                    <a:gd name="T79" fmla="*/ 1 h 347"/>
                    <a:gd name="T80" fmla="*/ 1 w 82"/>
                    <a:gd name="T81" fmla="*/ 1 h 347"/>
                    <a:gd name="T82" fmla="*/ 1 w 82"/>
                    <a:gd name="T83" fmla="*/ 1 h 347"/>
                    <a:gd name="T84" fmla="*/ 1 w 82"/>
                    <a:gd name="T85" fmla="*/ 1 h 347"/>
                    <a:gd name="T86" fmla="*/ 1 w 82"/>
                    <a:gd name="T87" fmla="*/ 1 h 347"/>
                    <a:gd name="T88" fmla="*/ 1 w 82"/>
                    <a:gd name="T89" fmla="*/ 1 h 347"/>
                    <a:gd name="T90" fmla="*/ 1 w 82"/>
                    <a:gd name="T91" fmla="*/ 1 h 347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</a:gdLst>
                  <a:ahLst/>
                  <a:cxnLst>
                    <a:cxn ang="T92">
                      <a:pos x="T0" y="T1"/>
                    </a:cxn>
                    <a:cxn ang="T93">
                      <a:pos x="T2" y="T3"/>
                    </a:cxn>
                    <a:cxn ang="T94">
                      <a:pos x="T4" y="T5"/>
                    </a:cxn>
                    <a:cxn ang="T95">
                      <a:pos x="T6" y="T7"/>
                    </a:cxn>
                    <a:cxn ang="T96">
                      <a:pos x="T8" y="T9"/>
                    </a:cxn>
                    <a:cxn ang="T97">
                      <a:pos x="T10" y="T11"/>
                    </a:cxn>
                    <a:cxn ang="T98">
                      <a:pos x="T12" y="T13"/>
                    </a:cxn>
                    <a:cxn ang="T99">
                      <a:pos x="T14" y="T15"/>
                    </a:cxn>
                    <a:cxn ang="T100">
                      <a:pos x="T16" y="T17"/>
                    </a:cxn>
                    <a:cxn ang="T101">
                      <a:pos x="T18" y="T19"/>
                    </a:cxn>
                    <a:cxn ang="T102">
                      <a:pos x="T20" y="T21"/>
                    </a:cxn>
                    <a:cxn ang="T103">
                      <a:pos x="T22" y="T23"/>
                    </a:cxn>
                    <a:cxn ang="T104">
                      <a:pos x="T24" y="T25"/>
                    </a:cxn>
                    <a:cxn ang="T105">
                      <a:pos x="T26" y="T27"/>
                    </a:cxn>
                    <a:cxn ang="T106">
                      <a:pos x="T28" y="T29"/>
                    </a:cxn>
                    <a:cxn ang="T107">
                      <a:pos x="T30" y="T31"/>
                    </a:cxn>
                    <a:cxn ang="T108">
                      <a:pos x="T32" y="T33"/>
                    </a:cxn>
                    <a:cxn ang="T109">
                      <a:pos x="T34" y="T35"/>
                    </a:cxn>
                    <a:cxn ang="T110">
                      <a:pos x="T36" y="T37"/>
                    </a:cxn>
                    <a:cxn ang="T111">
                      <a:pos x="T38" y="T39"/>
                    </a:cxn>
                    <a:cxn ang="T112">
                      <a:pos x="T40" y="T41"/>
                    </a:cxn>
                    <a:cxn ang="T113">
                      <a:pos x="T42" y="T43"/>
                    </a:cxn>
                    <a:cxn ang="T114">
                      <a:pos x="T44" y="T45"/>
                    </a:cxn>
                    <a:cxn ang="T115">
                      <a:pos x="T46" y="T47"/>
                    </a:cxn>
                    <a:cxn ang="T116">
                      <a:pos x="T48" y="T49"/>
                    </a:cxn>
                    <a:cxn ang="T117">
                      <a:pos x="T50" y="T51"/>
                    </a:cxn>
                    <a:cxn ang="T118">
                      <a:pos x="T52" y="T53"/>
                    </a:cxn>
                    <a:cxn ang="T119">
                      <a:pos x="T54" y="T55"/>
                    </a:cxn>
                    <a:cxn ang="T120">
                      <a:pos x="T56" y="T57"/>
                    </a:cxn>
                    <a:cxn ang="T121">
                      <a:pos x="T58" y="T59"/>
                    </a:cxn>
                    <a:cxn ang="T122">
                      <a:pos x="T60" y="T61"/>
                    </a:cxn>
                    <a:cxn ang="T123">
                      <a:pos x="T62" y="T63"/>
                    </a:cxn>
                    <a:cxn ang="T124">
                      <a:pos x="T64" y="T65"/>
                    </a:cxn>
                    <a:cxn ang="T125">
                      <a:pos x="T66" y="T67"/>
                    </a:cxn>
                    <a:cxn ang="T126">
                      <a:pos x="T68" y="T69"/>
                    </a:cxn>
                    <a:cxn ang="T127">
                      <a:pos x="T70" y="T71"/>
                    </a:cxn>
                    <a:cxn ang="T128">
                      <a:pos x="T72" y="T73"/>
                    </a:cxn>
                    <a:cxn ang="T129">
                      <a:pos x="T74" y="T75"/>
                    </a:cxn>
                    <a:cxn ang="T130">
                      <a:pos x="T76" y="T77"/>
                    </a:cxn>
                    <a:cxn ang="T131">
                      <a:pos x="T78" y="T79"/>
                    </a:cxn>
                    <a:cxn ang="T132">
                      <a:pos x="T80" y="T81"/>
                    </a:cxn>
                    <a:cxn ang="T133">
                      <a:pos x="T82" y="T83"/>
                    </a:cxn>
                    <a:cxn ang="T134">
                      <a:pos x="T84" y="T85"/>
                    </a:cxn>
                    <a:cxn ang="T135">
                      <a:pos x="T86" y="T87"/>
                    </a:cxn>
                    <a:cxn ang="T136">
                      <a:pos x="T88" y="T89"/>
                    </a:cxn>
                    <a:cxn ang="T137">
                      <a:pos x="T90" y="T91"/>
                    </a:cxn>
                  </a:cxnLst>
                  <a:rect l="0" t="0" r="r" b="b"/>
                  <a:pathLst>
                    <a:path w="82" h="347">
                      <a:moveTo>
                        <a:pt x="61" y="347"/>
                      </a:moveTo>
                      <a:lnTo>
                        <a:pt x="62" y="343"/>
                      </a:lnTo>
                      <a:lnTo>
                        <a:pt x="67" y="330"/>
                      </a:ln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6" y="330"/>
                      </a:lnTo>
                      <a:lnTo>
                        <a:pt x="21" y="343"/>
                      </a:lnTo>
                      <a:lnTo>
                        <a:pt x="22" y="344"/>
                      </a:lnTo>
                      <a:lnTo>
                        <a:pt x="61" y="347"/>
                      </a:lnTo>
                      <a:close/>
                    </a:path>
                  </a:pathLst>
                </a:custGeom>
                <a:solidFill>
                  <a:srgbClr val="F05D4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6" name="Freeform 95">
                  <a:extLst>
                    <a:ext uri="{FF2B5EF4-FFF2-40B4-BE49-F238E27FC236}">
                      <a16:creationId xmlns:a16="http://schemas.microsoft.com/office/drawing/2014/main" id="{81F41994-AA39-41DE-9BF0-482A9D4FD42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67"/>
                </a:xfrm>
                <a:custGeom>
                  <a:avLst/>
                  <a:gdLst>
                    <a:gd name="T0" fmla="*/ 1 w 82"/>
                    <a:gd name="T1" fmla="*/ 1 h 333"/>
                    <a:gd name="T2" fmla="*/ 1 w 82"/>
                    <a:gd name="T3" fmla="*/ 1 h 333"/>
                    <a:gd name="T4" fmla="*/ 1 w 82"/>
                    <a:gd name="T5" fmla="*/ 1 h 333"/>
                    <a:gd name="T6" fmla="*/ 1 w 82"/>
                    <a:gd name="T7" fmla="*/ 1 h 333"/>
                    <a:gd name="T8" fmla="*/ 1 w 82"/>
                    <a:gd name="T9" fmla="*/ 1 h 333"/>
                    <a:gd name="T10" fmla="*/ 1 w 82"/>
                    <a:gd name="T11" fmla="*/ 1 h 333"/>
                    <a:gd name="T12" fmla="*/ 1 w 82"/>
                    <a:gd name="T13" fmla="*/ 1 h 333"/>
                    <a:gd name="T14" fmla="*/ 1 w 82"/>
                    <a:gd name="T15" fmla="*/ 1 h 333"/>
                    <a:gd name="T16" fmla="*/ 1 w 82"/>
                    <a:gd name="T17" fmla="*/ 1 h 333"/>
                    <a:gd name="T18" fmla="*/ 1 w 82"/>
                    <a:gd name="T19" fmla="*/ 1 h 333"/>
                    <a:gd name="T20" fmla="*/ 1 w 82"/>
                    <a:gd name="T21" fmla="*/ 1 h 333"/>
                    <a:gd name="T22" fmla="*/ 1 w 82"/>
                    <a:gd name="T23" fmla="*/ 1 h 333"/>
                    <a:gd name="T24" fmla="*/ 1 w 82"/>
                    <a:gd name="T25" fmla="*/ 1 h 333"/>
                    <a:gd name="T26" fmla="*/ 1 w 82"/>
                    <a:gd name="T27" fmla="*/ 1 h 333"/>
                    <a:gd name="T28" fmla="*/ 1 w 82"/>
                    <a:gd name="T29" fmla="*/ 1 h 333"/>
                    <a:gd name="T30" fmla="*/ 1 w 82"/>
                    <a:gd name="T31" fmla="*/ 1 h 333"/>
                    <a:gd name="T32" fmla="*/ 1 w 82"/>
                    <a:gd name="T33" fmla="*/ 1 h 333"/>
                    <a:gd name="T34" fmla="*/ 1 w 82"/>
                    <a:gd name="T35" fmla="*/ 1 h 333"/>
                    <a:gd name="T36" fmla="*/ 1 w 82"/>
                    <a:gd name="T37" fmla="*/ 1 h 333"/>
                    <a:gd name="T38" fmla="*/ 1 w 82"/>
                    <a:gd name="T39" fmla="*/ 1 h 333"/>
                    <a:gd name="T40" fmla="*/ 1 w 82"/>
                    <a:gd name="T41" fmla="*/ 0 h 333"/>
                    <a:gd name="T42" fmla="*/ 1 w 82"/>
                    <a:gd name="T43" fmla="*/ 0 h 333"/>
                    <a:gd name="T44" fmla="*/ 1 w 82"/>
                    <a:gd name="T45" fmla="*/ 1 h 333"/>
                    <a:gd name="T46" fmla="*/ 1 w 82"/>
                    <a:gd name="T47" fmla="*/ 1 h 333"/>
                    <a:gd name="T48" fmla="*/ 1 w 82"/>
                    <a:gd name="T49" fmla="*/ 1 h 333"/>
                    <a:gd name="T50" fmla="*/ 1 w 82"/>
                    <a:gd name="T51" fmla="*/ 1 h 333"/>
                    <a:gd name="T52" fmla="*/ 1 w 82"/>
                    <a:gd name="T53" fmla="*/ 1 h 333"/>
                    <a:gd name="T54" fmla="*/ 1 w 82"/>
                    <a:gd name="T55" fmla="*/ 1 h 333"/>
                    <a:gd name="T56" fmla="*/ 1 w 82"/>
                    <a:gd name="T57" fmla="*/ 1 h 333"/>
                    <a:gd name="T58" fmla="*/ 1 w 82"/>
                    <a:gd name="T59" fmla="*/ 1 h 333"/>
                    <a:gd name="T60" fmla="*/ 1 w 82"/>
                    <a:gd name="T61" fmla="*/ 1 h 333"/>
                    <a:gd name="T62" fmla="*/ 1 w 82"/>
                    <a:gd name="T63" fmla="*/ 1 h 333"/>
                    <a:gd name="T64" fmla="*/ 1 w 82"/>
                    <a:gd name="T65" fmla="*/ 1 h 333"/>
                    <a:gd name="T66" fmla="*/ 1 w 82"/>
                    <a:gd name="T67" fmla="*/ 1 h 333"/>
                    <a:gd name="T68" fmla="*/ 0 w 82"/>
                    <a:gd name="T69" fmla="*/ 1 h 333"/>
                    <a:gd name="T70" fmla="*/ 1 w 82"/>
                    <a:gd name="T71" fmla="*/ 1 h 333"/>
                    <a:gd name="T72" fmla="*/ 1 w 82"/>
                    <a:gd name="T73" fmla="*/ 1 h 333"/>
                    <a:gd name="T74" fmla="*/ 1 w 82"/>
                    <a:gd name="T75" fmla="*/ 1 h 333"/>
                    <a:gd name="T76" fmla="*/ 1 w 82"/>
                    <a:gd name="T77" fmla="*/ 1 h 333"/>
                    <a:gd name="T78" fmla="*/ 1 w 82"/>
                    <a:gd name="T79" fmla="*/ 1 h 333"/>
                    <a:gd name="T80" fmla="*/ 1 w 82"/>
                    <a:gd name="T81" fmla="*/ 1 h 333"/>
                    <a:gd name="T82" fmla="*/ 1 w 82"/>
                    <a:gd name="T83" fmla="*/ 1 h 333"/>
                    <a:gd name="T84" fmla="*/ 1 w 82"/>
                    <a:gd name="T85" fmla="*/ 1 h 333"/>
                    <a:gd name="T86" fmla="*/ 1 w 82"/>
                    <a:gd name="T87" fmla="*/ 1 h 333"/>
                    <a:gd name="T88" fmla="*/ 1 w 82"/>
                    <a:gd name="T89" fmla="*/ 1 h 333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</a:gdLst>
                  <a:ahLst/>
                  <a:cxnLst>
                    <a:cxn ang="T90">
                      <a:pos x="T0" y="T1"/>
                    </a:cxn>
                    <a:cxn ang="T91">
                      <a:pos x="T2" y="T3"/>
                    </a:cxn>
                    <a:cxn ang="T92">
                      <a:pos x="T4" y="T5"/>
                    </a:cxn>
                    <a:cxn ang="T93">
                      <a:pos x="T6" y="T7"/>
                    </a:cxn>
                    <a:cxn ang="T94">
                      <a:pos x="T8" y="T9"/>
                    </a:cxn>
                    <a:cxn ang="T95">
                      <a:pos x="T10" y="T11"/>
                    </a:cxn>
                    <a:cxn ang="T96">
                      <a:pos x="T12" y="T13"/>
                    </a:cxn>
                    <a:cxn ang="T97">
                      <a:pos x="T14" y="T15"/>
                    </a:cxn>
                    <a:cxn ang="T98">
                      <a:pos x="T16" y="T17"/>
                    </a:cxn>
                    <a:cxn ang="T99">
                      <a:pos x="T18" y="T19"/>
                    </a:cxn>
                    <a:cxn ang="T100">
                      <a:pos x="T20" y="T21"/>
                    </a:cxn>
                    <a:cxn ang="T101">
                      <a:pos x="T22" y="T23"/>
                    </a:cxn>
                    <a:cxn ang="T102">
                      <a:pos x="T24" y="T25"/>
                    </a:cxn>
                    <a:cxn ang="T103">
                      <a:pos x="T26" y="T27"/>
                    </a:cxn>
                    <a:cxn ang="T104">
                      <a:pos x="T28" y="T29"/>
                    </a:cxn>
                    <a:cxn ang="T105">
                      <a:pos x="T30" y="T31"/>
                    </a:cxn>
                    <a:cxn ang="T106">
                      <a:pos x="T32" y="T33"/>
                    </a:cxn>
                    <a:cxn ang="T107">
                      <a:pos x="T34" y="T35"/>
                    </a:cxn>
                    <a:cxn ang="T108">
                      <a:pos x="T36" y="T37"/>
                    </a:cxn>
                    <a:cxn ang="T109">
                      <a:pos x="T38" y="T39"/>
                    </a:cxn>
                    <a:cxn ang="T110">
                      <a:pos x="T40" y="T41"/>
                    </a:cxn>
                    <a:cxn ang="T111">
                      <a:pos x="T42" y="T43"/>
                    </a:cxn>
                    <a:cxn ang="T112">
                      <a:pos x="T44" y="T45"/>
                    </a:cxn>
                    <a:cxn ang="T113">
                      <a:pos x="T46" y="T47"/>
                    </a:cxn>
                    <a:cxn ang="T114">
                      <a:pos x="T48" y="T49"/>
                    </a:cxn>
                    <a:cxn ang="T115">
                      <a:pos x="T50" y="T51"/>
                    </a:cxn>
                    <a:cxn ang="T116">
                      <a:pos x="T52" y="T53"/>
                    </a:cxn>
                    <a:cxn ang="T117">
                      <a:pos x="T54" y="T55"/>
                    </a:cxn>
                    <a:cxn ang="T118">
                      <a:pos x="T56" y="T57"/>
                    </a:cxn>
                    <a:cxn ang="T119">
                      <a:pos x="T58" y="T59"/>
                    </a:cxn>
                    <a:cxn ang="T120">
                      <a:pos x="T60" y="T61"/>
                    </a:cxn>
                    <a:cxn ang="T121">
                      <a:pos x="T62" y="T63"/>
                    </a:cxn>
                    <a:cxn ang="T122">
                      <a:pos x="T64" y="T65"/>
                    </a:cxn>
                    <a:cxn ang="T123">
                      <a:pos x="T66" y="T67"/>
                    </a:cxn>
                    <a:cxn ang="T124">
                      <a:pos x="T68" y="T69"/>
                    </a:cxn>
                    <a:cxn ang="T125">
                      <a:pos x="T70" y="T71"/>
                    </a:cxn>
                    <a:cxn ang="T126">
                      <a:pos x="T72" y="T73"/>
                    </a:cxn>
                    <a:cxn ang="T127">
                      <a:pos x="T74" y="T75"/>
                    </a:cxn>
                    <a:cxn ang="T128">
                      <a:pos x="T76" y="T77"/>
                    </a:cxn>
                    <a:cxn ang="T129">
                      <a:pos x="T78" y="T79"/>
                    </a:cxn>
                    <a:cxn ang="T130">
                      <a:pos x="T80" y="T81"/>
                    </a:cxn>
                    <a:cxn ang="T131">
                      <a:pos x="T82" y="T83"/>
                    </a:cxn>
                    <a:cxn ang="T132">
                      <a:pos x="T84" y="T85"/>
                    </a:cxn>
                    <a:cxn ang="T133">
                      <a:pos x="T86" y="T87"/>
                    </a:cxn>
                    <a:cxn ang="T134">
                      <a:pos x="T88" y="T89"/>
                    </a:cxn>
                  </a:cxnLst>
                  <a:rect l="0" t="0" r="r" b="b"/>
                  <a:pathLst>
                    <a:path w="82" h="333">
                      <a:moveTo>
                        <a:pt x="66" y="333"/>
                      </a:moveTo>
                      <a:lnTo>
                        <a:pt x="67" y="330"/>
                      </a:ln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6" y="330"/>
                      </a:lnTo>
                      <a:lnTo>
                        <a:pt x="17" y="331"/>
                      </a:lnTo>
                      <a:lnTo>
                        <a:pt x="63" y="333"/>
                      </a:lnTo>
                      <a:lnTo>
                        <a:pt x="66" y="333"/>
                      </a:lnTo>
                      <a:close/>
                    </a:path>
                  </a:pathLst>
                </a:custGeom>
                <a:solidFill>
                  <a:srgbClr val="FF6B39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7" name="Freeform 96">
                  <a:extLst>
                    <a:ext uri="{FF2B5EF4-FFF2-40B4-BE49-F238E27FC236}">
                      <a16:creationId xmlns:a16="http://schemas.microsoft.com/office/drawing/2014/main" id="{23BD8996-BF7B-49FC-9ADE-A31B5EE4069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60"/>
                </a:xfrm>
                <a:custGeom>
                  <a:avLst/>
                  <a:gdLst>
                    <a:gd name="T0" fmla="*/ 1 w 82"/>
                    <a:gd name="T1" fmla="*/ 1 h 320"/>
                    <a:gd name="T2" fmla="*/ 1 w 82"/>
                    <a:gd name="T3" fmla="*/ 1 h 320"/>
                    <a:gd name="T4" fmla="*/ 1 w 82"/>
                    <a:gd name="T5" fmla="*/ 1 h 320"/>
                    <a:gd name="T6" fmla="*/ 1 w 82"/>
                    <a:gd name="T7" fmla="*/ 1 h 320"/>
                    <a:gd name="T8" fmla="*/ 1 w 82"/>
                    <a:gd name="T9" fmla="*/ 1 h 320"/>
                    <a:gd name="T10" fmla="*/ 1 w 82"/>
                    <a:gd name="T11" fmla="*/ 1 h 320"/>
                    <a:gd name="T12" fmla="*/ 1 w 82"/>
                    <a:gd name="T13" fmla="*/ 1 h 320"/>
                    <a:gd name="T14" fmla="*/ 1 w 82"/>
                    <a:gd name="T15" fmla="*/ 1 h 320"/>
                    <a:gd name="T16" fmla="*/ 1 w 82"/>
                    <a:gd name="T17" fmla="*/ 1 h 320"/>
                    <a:gd name="T18" fmla="*/ 1 w 82"/>
                    <a:gd name="T19" fmla="*/ 1 h 320"/>
                    <a:gd name="T20" fmla="*/ 1 w 82"/>
                    <a:gd name="T21" fmla="*/ 1 h 320"/>
                    <a:gd name="T22" fmla="*/ 1 w 82"/>
                    <a:gd name="T23" fmla="*/ 1 h 320"/>
                    <a:gd name="T24" fmla="*/ 1 w 82"/>
                    <a:gd name="T25" fmla="*/ 1 h 320"/>
                    <a:gd name="T26" fmla="*/ 1 w 82"/>
                    <a:gd name="T27" fmla="*/ 1 h 320"/>
                    <a:gd name="T28" fmla="*/ 1 w 82"/>
                    <a:gd name="T29" fmla="*/ 1 h 320"/>
                    <a:gd name="T30" fmla="*/ 1 w 82"/>
                    <a:gd name="T31" fmla="*/ 1 h 320"/>
                    <a:gd name="T32" fmla="*/ 1 w 82"/>
                    <a:gd name="T33" fmla="*/ 1 h 320"/>
                    <a:gd name="T34" fmla="*/ 1 w 82"/>
                    <a:gd name="T35" fmla="*/ 1 h 320"/>
                    <a:gd name="T36" fmla="*/ 1 w 82"/>
                    <a:gd name="T37" fmla="*/ 1 h 320"/>
                    <a:gd name="T38" fmla="*/ 1 w 82"/>
                    <a:gd name="T39" fmla="*/ 0 h 320"/>
                    <a:gd name="T40" fmla="*/ 1 w 82"/>
                    <a:gd name="T41" fmla="*/ 0 h 320"/>
                    <a:gd name="T42" fmla="*/ 1 w 82"/>
                    <a:gd name="T43" fmla="*/ 1 h 320"/>
                    <a:gd name="T44" fmla="*/ 1 w 82"/>
                    <a:gd name="T45" fmla="*/ 1 h 320"/>
                    <a:gd name="T46" fmla="*/ 1 w 82"/>
                    <a:gd name="T47" fmla="*/ 1 h 320"/>
                    <a:gd name="T48" fmla="*/ 1 w 82"/>
                    <a:gd name="T49" fmla="*/ 1 h 320"/>
                    <a:gd name="T50" fmla="*/ 1 w 82"/>
                    <a:gd name="T51" fmla="*/ 1 h 320"/>
                    <a:gd name="T52" fmla="*/ 1 w 82"/>
                    <a:gd name="T53" fmla="*/ 1 h 320"/>
                    <a:gd name="T54" fmla="*/ 1 w 82"/>
                    <a:gd name="T55" fmla="*/ 1 h 320"/>
                    <a:gd name="T56" fmla="*/ 1 w 82"/>
                    <a:gd name="T57" fmla="*/ 1 h 320"/>
                    <a:gd name="T58" fmla="*/ 1 w 82"/>
                    <a:gd name="T59" fmla="*/ 1 h 320"/>
                    <a:gd name="T60" fmla="*/ 1 w 82"/>
                    <a:gd name="T61" fmla="*/ 1 h 320"/>
                    <a:gd name="T62" fmla="*/ 1 w 82"/>
                    <a:gd name="T63" fmla="*/ 1 h 320"/>
                    <a:gd name="T64" fmla="*/ 1 w 82"/>
                    <a:gd name="T65" fmla="*/ 1 h 320"/>
                    <a:gd name="T66" fmla="*/ 0 w 82"/>
                    <a:gd name="T67" fmla="*/ 1 h 320"/>
                    <a:gd name="T68" fmla="*/ 1 w 82"/>
                    <a:gd name="T69" fmla="*/ 1 h 320"/>
                    <a:gd name="T70" fmla="*/ 1 w 82"/>
                    <a:gd name="T71" fmla="*/ 1 h 320"/>
                    <a:gd name="T72" fmla="*/ 1 w 82"/>
                    <a:gd name="T73" fmla="*/ 1 h 320"/>
                    <a:gd name="T74" fmla="*/ 1 w 82"/>
                    <a:gd name="T75" fmla="*/ 1 h 320"/>
                    <a:gd name="T76" fmla="*/ 1 w 82"/>
                    <a:gd name="T77" fmla="*/ 1 h 320"/>
                    <a:gd name="T78" fmla="*/ 1 w 82"/>
                    <a:gd name="T79" fmla="*/ 1 h 320"/>
                    <a:gd name="T80" fmla="*/ 1 w 82"/>
                    <a:gd name="T81" fmla="*/ 1 h 320"/>
                    <a:gd name="T82" fmla="*/ 1 w 82"/>
                    <a:gd name="T83" fmla="*/ 1 h 320"/>
                    <a:gd name="T84" fmla="*/ 1 w 82"/>
                    <a:gd name="T85" fmla="*/ 1 h 320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</a:gdLst>
                  <a:ahLst/>
                  <a:cxnLst>
                    <a:cxn ang="T86">
                      <a:pos x="T0" y="T1"/>
                    </a:cxn>
                    <a:cxn ang="T87">
                      <a:pos x="T2" y="T3"/>
                    </a:cxn>
                    <a:cxn ang="T88">
                      <a:pos x="T4" y="T5"/>
                    </a:cxn>
                    <a:cxn ang="T89">
                      <a:pos x="T6" y="T7"/>
                    </a:cxn>
                    <a:cxn ang="T90">
                      <a:pos x="T8" y="T9"/>
                    </a:cxn>
                    <a:cxn ang="T91">
                      <a:pos x="T10" y="T11"/>
                    </a:cxn>
                    <a:cxn ang="T92">
                      <a:pos x="T12" y="T13"/>
                    </a:cxn>
                    <a:cxn ang="T93">
                      <a:pos x="T14" y="T15"/>
                    </a:cxn>
                    <a:cxn ang="T94">
                      <a:pos x="T16" y="T17"/>
                    </a:cxn>
                    <a:cxn ang="T95">
                      <a:pos x="T18" y="T19"/>
                    </a:cxn>
                    <a:cxn ang="T96">
                      <a:pos x="T20" y="T21"/>
                    </a:cxn>
                    <a:cxn ang="T97">
                      <a:pos x="T22" y="T23"/>
                    </a:cxn>
                    <a:cxn ang="T98">
                      <a:pos x="T24" y="T25"/>
                    </a:cxn>
                    <a:cxn ang="T99">
                      <a:pos x="T26" y="T27"/>
                    </a:cxn>
                    <a:cxn ang="T100">
                      <a:pos x="T28" y="T29"/>
                    </a:cxn>
                    <a:cxn ang="T101">
                      <a:pos x="T30" y="T31"/>
                    </a:cxn>
                    <a:cxn ang="T102">
                      <a:pos x="T32" y="T33"/>
                    </a:cxn>
                    <a:cxn ang="T103">
                      <a:pos x="T34" y="T35"/>
                    </a:cxn>
                    <a:cxn ang="T104">
                      <a:pos x="T36" y="T37"/>
                    </a:cxn>
                    <a:cxn ang="T105">
                      <a:pos x="T38" y="T39"/>
                    </a:cxn>
                    <a:cxn ang="T106">
                      <a:pos x="T40" y="T41"/>
                    </a:cxn>
                    <a:cxn ang="T107">
                      <a:pos x="T42" y="T43"/>
                    </a:cxn>
                    <a:cxn ang="T108">
                      <a:pos x="T44" y="T45"/>
                    </a:cxn>
                    <a:cxn ang="T109">
                      <a:pos x="T46" y="T47"/>
                    </a:cxn>
                    <a:cxn ang="T110">
                      <a:pos x="T48" y="T49"/>
                    </a:cxn>
                    <a:cxn ang="T111">
                      <a:pos x="T50" y="T51"/>
                    </a:cxn>
                    <a:cxn ang="T112">
                      <a:pos x="T52" y="T53"/>
                    </a:cxn>
                    <a:cxn ang="T113">
                      <a:pos x="T54" y="T55"/>
                    </a:cxn>
                    <a:cxn ang="T114">
                      <a:pos x="T56" y="T57"/>
                    </a:cxn>
                    <a:cxn ang="T115">
                      <a:pos x="T58" y="T59"/>
                    </a:cxn>
                    <a:cxn ang="T116">
                      <a:pos x="T60" y="T61"/>
                    </a:cxn>
                    <a:cxn ang="T117">
                      <a:pos x="T62" y="T63"/>
                    </a:cxn>
                    <a:cxn ang="T118">
                      <a:pos x="T64" y="T65"/>
                    </a:cxn>
                    <a:cxn ang="T119">
                      <a:pos x="T66" y="T67"/>
                    </a:cxn>
                    <a:cxn ang="T120">
                      <a:pos x="T68" y="T69"/>
                    </a:cxn>
                    <a:cxn ang="T121">
                      <a:pos x="T70" y="T71"/>
                    </a:cxn>
                    <a:cxn ang="T122">
                      <a:pos x="T72" y="T73"/>
                    </a:cxn>
                    <a:cxn ang="T123">
                      <a:pos x="T74" y="T75"/>
                    </a:cxn>
                    <a:cxn ang="T124">
                      <a:pos x="T76" y="T77"/>
                    </a:cxn>
                    <a:cxn ang="T125">
                      <a:pos x="T78" y="T79"/>
                    </a:cxn>
                    <a:cxn ang="T126">
                      <a:pos x="T80" y="T81"/>
                    </a:cxn>
                    <a:cxn ang="T127">
                      <a:pos x="T82" y="T83"/>
                    </a:cxn>
                    <a:cxn ang="T128">
                      <a:pos x="T84" y="T85"/>
                    </a:cxn>
                  </a:cxnLst>
                  <a:rect l="0" t="0" r="r" b="b"/>
                  <a:pathLst>
                    <a:path w="82" h="320">
                      <a:moveTo>
                        <a:pt x="70" y="320"/>
                      </a:move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4" y="316"/>
                      </a:lnTo>
                      <a:lnTo>
                        <a:pt x="57" y="320"/>
                      </a:lnTo>
                      <a:lnTo>
                        <a:pt x="70" y="320"/>
                      </a:lnTo>
                      <a:close/>
                    </a:path>
                  </a:pathLst>
                </a:custGeom>
                <a:solidFill>
                  <a:srgbClr val="FF7536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8" name="Freeform 97">
                  <a:extLst>
                    <a:ext uri="{FF2B5EF4-FFF2-40B4-BE49-F238E27FC236}">
                      <a16:creationId xmlns:a16="http://schemas.microsoft.com/office/drawing/2014/main" id="{075EBD40-EFF2-4D2E-B651-C03C4EBE931F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53"/>
                </a:xfrm>
                <a:custGeom>
                  <a:avLst/>
                  <a:gdLst>
                    <a:gd name="T0" fmla="*/ 1 w 82"/>
                    <a:gd name="T1" fmla="*/ 1 h 305"/>
                    <a:gd name="T2" fmla="*/ 1 w 82"/>
                    <a:gd name="T3" fmla="*/ 1 h 305"/>
                    <a:gd name="T4" fmla="*/ 1 w 82"/>
                    <a:gd name="T5" fmla="*/ 1 h 305"/>
                    <a:gd name="T6" fmla="*/ 1 w 82"/>
                    <a:gd name="T7" fmla="*/ 1 h 305"/>
                    <a:gd name="T8" fmla="*/ 1 w 82"/>
                    <a:gd name="T9" fmla="*/ 1 h 305"/>
                    <a:gd name="T10" fmla="*/ 1 w 82"/>
                    <a:gd name="T11" fmla="*/ 1 h 305"/>
                    <a:gd name="T12" fmla="*/ 1 w 82"/>
                    <a:gd name="T13" fmla="*/ 1 h 305"/>
                    <a:gd name="T14" fmla="*/ 1 w 82"/>
                    <a:gd name="T15" fmla="*/ 1 h 305"/>
                    <a:gd name="T16" fmla="*/ 1 w 82"/>
                    <a:gd name="T17" fmla="*/ 1 h 305"/>
                    <a:gd name="T18" fmla="*/ 1 w 82"/>
                    <a:gd name="T19" fmla="*/ 1 h 305"/>
                    <a:gd name="T20" fmla="*/ 1 w 82"/>
                    <a:gd name="T21" fmla="*/ 1 h 305"/>
                    <a:gd name="T22" fmla="*/ 1 w 82"/>
                    <a:gd name="T23" fmla="*/ 1 h 305"/>
                    <a:gd name="T24" fmla="*/ 1 w 82"/>
                    <a:gd name="T25" fmla="*/ 1 h 305"/>
                    <a:gd name="T26" fmla="*/ 1 w 82"/>
                    <a:gd name="T27" fmla="*/ 1 h 305"/>
                    <a:gd name="T28" fmla="*/ 1 w 82"/>
                    <a:gd name="T29" fmla="*/ 1 h 305"/>
                    <a:gd name="T30" fmla="*/ 1 w 82"/>
                    <a:gd name="T31" fmla="*/ 1 h 305"/>
                    <a:gd name="T32" fmla="*/ 1 w 82"/>
                    <a:gd name="T33" fmla="*/ 1 h 305"/>
                    <a:gd name="T34" fmla="*/ 1 w 82"/>
                    <a:gd name="T35" fmla="*/ 1 h 305"/>
                    <a:gd name="T36" fmla="*/ 1 w 82"/>
                    <a:gd name="T37" fmla="*/ 0 h 305"/>
                    <a:gd name="T38" fmla="*/ 1 w 82"/>
                    <a:gd name="T39" fmla="*/ 0 h 305"/>
                    <a:gd name="T40" fmla="*/ 1 w 82"/>
                    <a:gd name="T41" fmla="*/ 1 h 305"/>
                    <a:gd name="T42" fmla="*/ 1 w 82"/>
                    <a:gd name="T43" fmla="*/ 1 h 305"/>
                    <a:gd name="T44" fmla="*/ 1 w 82"/>
                    <a:gd name="T45" fmla="*/ 1 h 305"/>
                    <a:gd name="T46" fmla="*/ 1 w 82"/>
                    <a:gd name="T47" fmla="*/ 1 h 305"/>
                    <a:gd name="T48" fmla="*/ 1 w 82"/>
                    <a:gd name="T49" fmla="*/ 1 h 305"/>
                    <a:gd name="T50" fmla="*/ 1 w 82"/>
                    <a:gd name="T51" fmla="*/ 1 h 305"/>
                    <a:gd name="T52" fmla="*/ 1 w 82"/>
                    <a:gd name="T53" fmla="*/ 1 h 305"/>
                    <a:gd name="T54" fmla="*/ 1 w 82"/>
                    <a:gd name="T55" fmla="*/ 1 h 305"/>
                    <a:gd name="T56" fmla="*/ 1 w 82"/>
                    <a:gd name="T57" fmla="*/ 1 h 305"/>
                    <a:gd name="T58" fmla="*/ 1 w 82"/>
                    <a:gd name="T59" fmla="*/ 1 h 305"/>
                    <a:gd name="T60" fmla="*/ 1 w 82"/>
                    <a:gd name="T61" fmla="*/ 1 h 305"/>
                    <a:gd name="T62" fmla="*/ 1 w 82"/>
                    <a:gd name="T63" fmla="*/ 1 h 305"/>
                    <a:gd name="T64" fmla="*/ 0 w 82"/>
                    <a:gd name="T65" fmla="*/ 1 h 305"/>
                    <a:gd name="T66" fmla="*/ 1 w 82"/>
                    <a:gd name="T67" fmla="*/ 1 h 305"/>
                    <a:gd name="T68" fmla="*/ 1 w 82"/>
                    <a:gd name="T69" fmla="*/ 1 h 305"/>
                    <a:gd name="T70" fmla="*/ 1 w 82"/>
                    <a:gd name="T71" fmla="*/ 1 h 305"/>
                    <a:gd name="T72" fmla="*/ 1 w 82"/>
                    <a:gd name="T73" fmla="*/ 1 h 305"/>
                    <a:gd name="T74" fmla="*/ 1 w 82"/>
                    <a:gd name="T75" fmla="*/ 1 h 305"/>
                    <a:gd name="T76" fmla="*/ 1 w 82"/>
                    <a:gd name="T77" fmla="*/ 1 h 305"/>
                    <a:gd name="T78" fmla="*/ 1 w 82"/>
                    <a:gd name="T79" fmla="*/ 1 h 305"/>
                    <a:gd name="T80" fmla="*/ 1 w 82"/>
                    <a:gd name="T81" fmla="*/ 1 h 305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</a:gdLst>
                  <a:ahLst/>
                  <a:cxnLst>
                    <a:cxn ang="T82">
                      <a:pos x="T0" y="T1"/>
                    </a:cxn>
                    <a:cxn ang="T83">
                      <a:pos x="T2" y="T3"/>
                    </a:cxn>
                    <a:cxn ang="T84">
                      <a:pos x="T4" y="T5"/>
                    </a:cxn>
                    <a:cxn ang="T85">
                      <a:pos x="T6" y="T7"/>
                    </a:cxn>
                    <a:cxn ang="T86">
                      <a:pos x="T8" y="T9"/>
                    </a:cxn>
                    <a:cxn ang="T87">
                      <a:pos x="T10" y="T11"/>
                    </a:cxn>
                    <a:cxn ang="T88">
                      <a:pos x="T12" y="T13"/>
                    </a:cxn>
                    <a:cxn ang="T89">
                      <a:pos x="T14" y="T15"/>
                    </a:cxn>
                    <a:cxn ang="T90">
                      <a:pos x="T16" y="T17"/>
                    </a:cxn>
                    <a:cxn ang="T91">
                      <a:pos x="T18" y="T19"/>
                    </a:cxn>
                    <a:cxn ang="T92">
                      <a:pos x="T20" y="T21"/>
                    </a:cxn>
                    <a:cxn ang="T93">
                      <a:pos x="T22" y="T23"/>
                    </a:cxn>
                    <a:cxn ang="T94">
                      <a:pos x="T24" y="T25"/>
                    </a:cxn>
                    <a:cxn ang="T95">
                      <a:pos x="T26" y="T27"/>
                    </a:cxn>
                    <a:cxn ang="T96">
                      <a:pos x="T28" y="T29"/>
                    </a:cxn>
                    <a:cxn ang="T97">
                      <a:pos x="T30" y="T31"/>
                    </a:cxn>
                    <a:cxn ang="T98">
                      <a:pos x="T32" y="T33"/>
                    </a:cxn>
                    <a:cxn ang="T99">
                      <a:pos x="T34" y="T35"/>
                    </a:cxn>
                    <a:cxn ang="T100">
                      <a:pos x="T36" y="T37"/>
                    </a:cxn>
                    <a:cxn ang="T101">
                      <a:pos x="T38" y="T39"/>
                    </a:cxn>
                    <a:cxn ang="T102">
                      <a:pos x="T40" y="T41"/>
                    </a:cxn>
                    <a:cxn ang="T103">
                      <a:pos x="T42" y="T43"/>
                    </a:cxn>
                    <a:cxn ang="T104">
                      <a:pos x="T44" y="T45"/>
                    </a:cxn>
                    <a:cxn ang="T105">
                      <a:pos x="T46" y="T47"/>
                    </a:cxn>
                    <a:cxn ang="T106">
                      <a:pos x="T48" y="T49"/>
                    </a:cxn>
                    <a:cxn ang="T107">
                      <a:pos x="T50" y="T51"/>
                    </a:cxn>
                    <a:cxn ang="T108">
                      <a:pos x="T52" y="T53"/>
                    </a:cxn>
                    <a:cxn ang="T109">
                      <a:pos x="T54" y="T55"/>
                    </a:cxn>
                    <a:cxn ang="T110">
                      <a:pos x="T56" y="T57"/>
                    </a:cxn>
                    <a:cxn ang="T111">
                      <a:pos x="T58" y="T59"/>
                    </a:cxn>
                    <a:cxn ang="T112">
                      <a:pos x="T60" y="T61"/>
                    </a:cxn>
                    <a:cxn ang="T113">
                      <a:pos x="T62" y="T63"/>
                    </a:cxn>
                    <a:cxn ang="T114">
                      <a:pos x="T64" y="T65"/>
                    </a:cxn>
                    <a:cxn ang="T115">
                      <a:pos x="T66" y="T67"/>
                    </a:cxn>
                    <a:cxn ang="T116">
                      <a:pos x="T68" y="T69"/>
                    </a:cxn>
                    <a:cxn ang="T117">
                      <a:pos x="T70" y="T71"/>
                    </a:cxn>
                    <a:cxn ang="T118">
                      <a:pos x="T72" y="T73"/>
                    </a:cxn>
                    <a:cxn ang="T119">
                      <a:pos x="T74" y="T75"/>
                    </a:cxn>
                    <a:cxn ang="T120">
                      <a:pos x="T76" y="T77"/>
                    </a:cxn>
                    <a:cxn ang="T121">
                      <a:pos x="T78" y="T79"/>
                    </a:cxn>
                    <a:cxn ang="T122">
                      <a:pos x="T80" y="T81"/>
                    </a:cxn>
                  </a:cxnLst>
                  <a:rect l="0" t="0" r="r" b="b"/>
                  <a:pathLst>
                    <a:path w="82" h="305">
                      <a:moveTo>
                        <a:pt x="73" y="305"/>
                      </a:move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1" y="301"/>
                      </a:lnTo>
                      <a:lnTo>
                        <a:pt x="51" y="305"/>
                      </a:lnTo>
                      <a:lnTo>
                        <a:pt x="73" y="305"/>
                      </a:lnTo>
                      <a:close/>
                    </a:path>
                  </a:pathLst>
                </a:custGeom>
                <a:solidFill>
                  <a:srgbClr val="FF7E32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59" name="Freeform 98">
                  <a:extLst>
                    <a:ext uri="{FF2B5EF4-FFF2-40B4-BE49-F238E27FC236}">
                      <a16:creationId xmlns:a16="http://schemas.microsoft.com/office/drawing/2014/main" id="{1AB5F5BD-43AB-4546-A5E5-AA21F5BD48FE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46"/>
                </a:xfrm>
                <a:custGeom>
                  <a:avLst/>
                  <a:gdLst>
                    <a:gd name="T0" fmla="*/ 1 w 82"/>
                    <a:gd name="T1" fmla="*/ 1 h 292"/>
                    <a:gd name="T2" fmla="*/ 1 w 82"/>
                    <a:gd name="T3" fmla="*/ 1 h 292"/>
                    <a:gd name="T4" fmla="*/ 1 w 82"/>
                    <a:gd name="T5" fmla="*/ 1 h 292"/>
                    <a:gd name="T6" fmla="*/ 1 w 82"/>
                    <a:gd name="T7" fmla="*/ 1 h 292"/>
                    <a:gd name="T8" fmla="*/ 1 w 82"/>
                    <a:gd name="T9" fmla="*/ 1 h 292"/>
                    <a:gd name="T10" fmla="*/ 1 w 82"/>
                    <a:gd name="T11" fmla="*/ 1 h 292"/>
                    <a:gd name="T12" fmla="*/ 1 w 82"/>
                    <a:gd name="T13" fmla="*/ 1 h 292"/>
                    <a:gd name="T14" fmla="*/ 1 w 82"/>
                    <a:gd name="T15" fmla="*/ 1 h 292"/>
                    <a:gd name="T16" fmla="*/ 1 w 82"/>
                    <a:gd name="T17" fmla="*/ 1 h 292"/>
                    <a:gd name="T18" fmla="*/ 1 w 82"/>
                    <a:gd name="T19" fmla="*/ 1 h 292"/>
                    <a:gd name="T20" fmla="*/ 1 w 82"/>
                    <a:gd name="T21" fmla="*/ 1 h 292"/>
                    <a:gd name="T22" fmla="*/ 1 w 82"/>
                    <a:gd name="T23" fmla="*/ 1 h 292"/>
                    <a:gd name="T24" fmla="*/ 1 w 82"/>
                    <a:gd name="T25" fmla="*/ 1 h 292"/>
                    <a:gd name="T26" fmla="*/ 1 w 82"/>
                    <a:gd name="T27" fmla="*/ 1 h 292"/>
                    <a:gd name="T28" fmla="*/ 1 w 82"/>
                    <a:gd name="T29" fmla="*/ 1 h 292"/>
                    <a:gd name="T30" fmla="*/ 1 w 82"/>
                    <a:gd name="T31" fmla="*/ 1 h 292"/>
                    <a:gd name="T32" fmla="*/ 1 w 82"/>
                    <a:gd name="T33" fmla="*/ 1 h 292"/>
                    <a:gd name="T34" fmla="*/ 1 w 82"/>
                    <a:gd name="T35" fmla="*/ 0 h 292"/>
                    <a:gd name="T36" fmla="*/ 1 w 82"/>
                    <a:gd name="T37" fmla="*/ 0 h 292"/>
                    <a:gd name="T38" fmla="*/ 1 w 82"/>
                    <a:gd name="T39" fmla="*/ 1 h 292"/>
                    <a:gd name="T40" fmla="*/ 1 w 82"/>
                    <a:gd name="T41" fmla="*/ 1 h 292"/>
                    <a:gd name="T42" fmla="*/ 1 w 82"/>
                    <a:gd name="T43" fmla="*/ 1 h 292"/>
                    <a:gd name="T44" fmla="*/ 1 w 82"/>
                    <a:gd name="T45" fmla="*/ 1 h 292"/>
                    <a:gd name="T46" fmla="*/ 1 w 82"/>
                    <a:gd name="T47" fmla="*/ 1 h 292"/>
                    <a:gd name="T48" fmla="*/ 1 w 82"/>
                    <a:gd name="T49" fmla="*/ 1 h 292"/>
                    <a:gd name="T50" fmla="*/ 1 w 82"/>
                    <a:gd name="T51" fmla="*/ 1 h 292"/>
                    <a:gd name="T52" fmla="*/ 1 w 82"/>
                    <a:gd name="T53" fmla="*/ 1 h 292"/>
                    <a:gd name="T54" fmla="*/ 1 w 82"/>
                    <a:gd name="T55" fmla="*/ 1 h 292"/>
                    <a:gd name="T56" fmla="*/ 1 w 82"/>
                    <a:gd name="T57" fmla="*/ 1 h 292"/>
                    <a:gd name="T58" fmla="*/ 1 w 82"/>
                    <a:gd name="T59" fmla="*/ 1 h 292"/>
                    <a:gd name="T60" fmla="*/ 1 w 82"/>
                    <a:gd name="T61" fmla="*/ 1 h 292"/>
                    <a:gd name="T62" fmla="*/ 0 w 82"/>
                    <a:gd name="T63" fmla="*/ 1 h 292"/>
                    <a:gd name="T64" fmla="*/ 1 w 82"/>
                    <a:gd name="T65" fmla="*/ 1 h 292"/>
                    <a:gd name="T66" fmla="*/ 1 w 82"/>
                    <a:gd name="T67" fmla="*/ 1 h 292"/>
                    <a:gd name="T68" fmla="*/ 1 w 82"/>
                    <a:gd name="T69" fmla="*/ 1 h 292"/>
                    <a:gd name="T70" fmla="*/ 1 w 82"/>
                    <a:gd name="T71" fmla="*/ 1 h 292"/>
                    <a:gd name="T72" fmla="*/ 1 w 82"/>
                    <a:gd name="T73" fmla="*/ 1 h 292"/>
                    <a:gd name="T74" fmla="*/ 1 w 82"/>
                    <a:gd name="T75" fmla="*/ 1 h 292"/>
                    <a:gd name="T76" fmla="*/ 1 w 82"/>
                    <a:gd name="T77" fmla="*/ 1 h 292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</a:gdLst>
                  <a:ahLst/>
                  <a:cxnLst>
                    <a:cxn ang="T78">
                      <a:pos x="T0" y="T1"/>
                    </a:cxn>
                    <a:cxn ang="T79">
                      <a:pos x="T2" y="T3"/>
                    </a:cxn>
                    <a:cxn ang="T80">
                      <a:pos x="T4" y="T5"/>
                    </a:cxn>
                    <a:cxn ang="T81">
                      <a:pos x="T6" y="T7"/>
                    </a:cxn>
                    <a:cxn ang="T82">
                      <a:pos x="T8" y="T9"/>
                    </a:cxn>
                    <a:cxn ang="T83">
                      <a:pos x="T10" y="T11"/>
                    </a:cxn>
                    <a:cxn ang="T84">
                      <a:pos x="T12" y="T13"/>
                    </a:cxn>
                    <a:cxn ang="T85">
                      <a:pos x="T14" y="T15"/>
                    </a:cxn>
                    <a:cxn ang="T86">
                      <a:pos x="T16" y="T17"/>
                    </a:cxn>
                    <a:cxn ang="T87">
                      <a:pos x="T18" y="T19"/>
                    </a:cxn>
                    <a:cxn ang="T88">
                      <a:pos x="T20" y="T21"/>
                    </a:cxn>
                    <a:cxn ang="T89">
                      <a:pos x="T22" y="T23"/>
                    </a:cxn>
                    <a:cxn ang="T90">
                      <a:pos x="T24" y="T25"/>
                    </a:cxn>
                    <a:cxn ang="T91">
                      <a:pos x="T26" y="T27"/>
                    </a:cxn>
                    <a:cxn ang="T92">
                      <a:pos x="T28" y="T29"/>
                    </a:cxn>
                    <a:cxn ang="T93">
                      <a:pos x="T30" y="T31"/>
                    </a:cxn>
                    <a:cxn ang="T94">
                      <a:pos x="T32" y="T33"/>
                    </a:cxn>
                    <a:cxn ang="T95">
                      <a:pos x="T34" y="T35"/>
                    </a:cxn>
                    <a:cxn ang="T96">
                      <a:pos x="T36" y="T37"/>
                    </a:cxn>
                    <a:cxn ang="T97">
                      <a:pos x="T38" y="T39"/>
                    </a:cxn>
                    <a:cxn ang="T98">
                      <a:pos x="T40" y="T41"/>
                    </a:cxn>
                    <a:cxn ang="T99">
                      <a:pos x="T42" y="T43"/>
                    </a:cxn>
                    <a:cxn ang="T100">
                      <a:pos x="T44" y="T45"/>
                    </a:cxn>
                    <a:cxn ang="T101">
                      <a:pos x="T46" y="T47"/>
                    </a:cxn>
                    <a:cxn ang="T102">
                      <a:pos x="T48" y="T49"/>
                    </a:cxn>
                    <a:cxn ang="T103">
                      <a:pos x="T50" y="T51"/>
                    </a:cxn>
                    <a:cxn ang="T104">
                      <a:pos x="T52" y="T53"/>
                    </a:cxn>
                    <a:cxn ang="T105">
                      <a:pos x="T54" y="T55"/>
                    </a:cxn>
                    <a:cxn ang="T106">
                      <a:pos x="T56" y="T57"/>
                    </a:cxn>
                    <a:cxn ang="T107">
                      <a:pos x="T58" y="T59"/>
                    </a:cxn>
                    <a:cxn ang="T108">
                      <a:pos x="T60" y="T61"/>
                    </a:cxn>
                    <a:cxn ang="T109">
                      <a:pos x="T62" y="T63"/>
                    </a:cxn>
                    <a:cxn ang="T110">
                      <a:pos x="T64" y="T65"/>
                    </a:cxn>
                    <a:cxn ang="T111">
                      <a:pos x="T66" y="T67"/>
                    </a:cxn>
                    <a:cxn ang="T112">
                      <a:pos x="T68" y="T69"/>
                    </a:cxn>
                    <a:cxn ang="T113">
                      <a:pos x="T70" y="T71"/>
                    </a:cxn>
                    <a:cxn ang="T114">
                      <a:pos x="T72" y="T73"/>
                    </a:cxn>
                    <a:cxn ang="T115">
                      <a:pos x="T74" y="T75"/>
                    </a:cxn>
                    <a:cxn ang="T116">
                      <a:pos x="T76" y="T77"/>
                    </a:cxn>
                  </a:cxnLst>
                  <a:rect l="0" t="0" r="r" b="b"/>
                  <a:pathLst>
                    <a:path w="82" h="292">
                      <a:moveTo>
                        <a:pt x="76" y="292"/>
                      </a:move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86"/>
                      </a:lnTo>
                      <a:lnTo>
                        <a:pt x="47" y="292"/>
                      </a:lnTo>
                      <a:lnTo>
                        <a:pt x="76" y="292"/>
                      </a:lnTo>
                      <a:close/>
                    </a:path>
                  </a:pathLst>
                </a:custGeom>
                <a:solidFill>
                  <a:srgbClr val="FF882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0" name="Freeform 99">
                  <a:extLst>
                    <a:ext uri="{FF2B5EF4-FFF2-40B4-BE49-F238E27FC236}">
                      <a16:creationId xmlns:a16="http://schemas.microsoft.com/office/drawing/2014/main" id="{E07FF8DE-6D85-43D5-9F02-C058B5523447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40"/>
                </a:xfrm>
                <a:custGeom>
                  <a:avLst/>
                  <a:gdLst>
                    <a:gd name="T0" fmla="*/ 1 w 82"/>
                    <a:gd name="T1" fmla="*/ 1 h 278"/>
                    <a:gd name="T2" fmla="*/ 1 w 82"/>
                    <a:gd name="T3" fmla="*/ 1 h 278"/>
                    <a:gd name="T4" fmla="*/ 1 w 82"/>
                    <a:gd name="T5" fmla="*/ 1 h 278"/>
                    <a:gd name="T6" fmla="*/ 1 w 82"/>
                    <a:gd name="T7" fmla="*/ 1 h 278"/>
                    <a:gd name="T8" fmla="*/ 1 w 82"/>
                    <a:gd name="T9" fmla="*/ 1 h 278"/>
                    <a:gd name="T10" fmla="*/ 1 w 82"/>
                    <a:gd name="T11" fmla="*/ 1 h 278"/>
                    <a:gd name="T12" fmla="*/ 1 w 82"/>
                    <a:gd name="T13" fmla="*/ 1 h 278"/>
                    <a:gd name="T14" fmla="*/ 1 w 82"/>
                    <a:gd name="T15" fmla="*/ 1 h 278"/>
                    <a:gd name="T16" fmla="*/ 1 w 82"/>
                    <a:gd name="T17" fmla="*/ 1 h 278"/>
                    <a:gd name="T18" fmla="*/ 1 w 82"/>
                    <a:gd name="T19" fmla="*/ 1 h 278"/>
                    <a:gd name="T20" fmla="*/ 1 w 82"/>
                    <a:gd name="T21" fmla="*/ 1 h 278"/>
                    <a:gd name="T22" fmla="*/ 1 w 82"/>
                    <a:gd name="T23" fmla="*/ 1 h 278"/>
                    <a:gd name="T24" fmla="*/ 1 w 82"/>
                    <a:gd name="T25" fmla="*/ 1 h 278"/>
                    <a:gd name="T26" fmla="*/ 1 w 82"/>
                    <a:gd name="T27" fmla="*/ 1 h 278"/>
                    <a:gd name="T28" fmla="*/ 1 w 82"/>
                    <a:gd name="T29" fmla="*/ 1 h 278"/>
                    <a:gd name="T30" fmla="*/ 1 w 82"/>
                    <a:gd name="T31" fmla="*/ 1 h 278"/>
                    <a:gd name="T32" fmla="*/ 1 w 82"/>
                    <a:gd name="T33" fmla="*/ 1 h 278"/>
                    <a:gd name="T34" fmla="*/ 1 w 82"/>
                    <a:gd name="T35" fmla="*/ 0 h 278"/>
                    <a:gd name="T36" fmla="*/ 1 w 82"/>
                    <a:gd name="T37" fmla="*/ 0 h 278"/>
                    <a:gd name="T38" fmla="*/ 1 w 82"/>
                    <a:gd name="T39" fmla="*/ 1 h 278"/>
                    <a:gd name="T40" fmla="*/ 1 w 82"/>
                    <a:gd name="T41" fmla="*/ 1 h 278"/>
                    <a:gd name="T42" fmla="*/ 1 w 82"/>
                    <a:gd name="T43" fmla="*/ 1 h 278"/>
                    <a:gd name="T44" fmla="*/ 1 w 82"/>
                    <a:gd name="T45" fmla="*/ 1 h 278"/>
                    <a:gd name="T46" fmla="*/ 1 w 82"/>
                    <a:gd name="T47" fmla="*/ 1 h 278"/>
                    <a:gd name="T48" fmla="*/ 1 w 82"/>
                    <a:gd name="T49" fmla="*/ 1 h 278"/>
                    <a:gd name="T50" fmla="*/ 1 w 82"/>
                    <a:gd name="T51" fmla="*/ 1 h 278"/>
                    <a:gd name="T52" fmla="*/ 1 w 82"/>
                    <a:gd name="T53" fmla="*/ 1 h 278"/>
                    <a:gd name="T54" fmla="*/ 1 w 82"/>
                    <a:gd name="T55" fmla="*/ 1 h 278"/>
                    <a:gd name="T56" fmla="*/ 1 w 82"/>
                    <a:gd name="T57" fmla="*/ 1 h 278"/>
                    <a:gd name="T58" fmla="*/ 1 w 82"/>
                    <a:gd name="T59" fmla="*/ 1 h 278"/>
                    <a:gd name="T60" fmla="*/ 1 w 82"/>
                    <a:gd name="T61" fmla="*/ 1 h 278"/>
                    <a:gd name="T62" fmla="*/ 0 w 82"/>
                    <a:gd name="T63" fmla="*/ 1 h 278"/>
                    <a:gd name="T64" fmla="*/ 1 w 82"/>
                    <a:gd name="T65" fmla="*/ 1 h 278"/>
                    <a:gd name="T66" fmla="*/ 1 w 82"/>
                    <a:gd name="T67" fmla="*/ 1 h 278"/>
                    <a:gd name="T68" fmla="*/ 1 w 82"/>
                    <a:gd name="T69" fmla="*/ 1 h 278"/>
                    <a:gd name="T70" fmla="*/ 1 w 82"/>
                    <a:gd name="T71" fmla="*/ 1 h 278"/>
                    <a:gd name="T72" fmla="*/ 1 w 82"/>
                    <a:gd name="T73" fmla="*/ 1 h 278"/>
                    <a:gd name="T74" fmla="*/ 1 w 82"/>
                    <a:gd name="T75" fmla="*/ 1 h 278"/>
                    <a:gd name="T76" fmla="*/ 1 w 82"/>
                    <a:gd name="T77" fmla="*/ 1 h 278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</a:gdLst>
                  <a:ahLst/>
                  <a:cxnLst>
                    <a:cxn ang="T78">
                      <a:pos x="T0" y="T1"/>
                    </a:cxn>
                    <a:cxn ang="T79">
                      <a:pos x="T2" y="T3"/>
                    </a:cxn>
                    <a:cxn ang="T80">
                      <a:pos x="T4" y="T5"/>
                    </a:cxn>
                    <a:cxn ang="T81">
                      <a:pos x="T6" y="T7"/>
                    </a:cxn>
                    <a:cxn ang="T82">
                      <a:pos x="T8" y="T9"/>
                    </a:cxn>
                    <a:cxn ang="T83">
                      <a:pos x="T10" y="T11"/>
                    </a:cxn>
                    <a:cxn ang="T84">
                      <a:pos x="T12" y="T13"/>
                    </a:cxn>
                    <a:cxn ang="T85">
                      <a:pos x="T14" y="T15"/>
                    </a:cxn>
                    <a:cxn ang="T86">
                      <a:pos x="T16" y="T17"/>
                    </a:cxn>
                    <a:cxn ang="T87">
                      <a:pos x="T18" y="T19"/>
                    </a:cxn>
                    <a:cxn ang="T88">
                      <a:pos x="T20" y="T21"/>
                    </a:cxn>
                    <a:cxn ang="T89">
                      <a:pos x="T22" y="T23"/>
                    </a:cxn>
                    <a:cxn ang="T90">
                      <a:pos x="T24" y="T25"/>
                    </a:cxn>
                    <a:cxn ang="T91">
                      <a:pos x="T26" y="T27"/>
                    </a:cxn>
                    <a:cxn ang="T92">
                      <a:pos x="T28" y="T29"/>
                    </a:cxn>
                    <a:cxn ang="T93">
                      <a:pos x="T30" y="T31"/>
                    </a:cxn>
                    <a:cxn ang="T94">
                      <a:pos x="T32" y="T33"/>
                    </a:cxn>
                    <a:cxn ang="T95">
                      <a:pos x="T34" y="T35"/>
                    </a:cxn>
                    <a:cxn ang="T96">
                      <a:pos x="T36" y="T37"/>
                    </a:cxn>
                    <a:cxn ang="T97">
                      <a:pos x="T38" y="T39"/>
                    </a:cxn>
                    <a:cxn ang="T98">
                      <a:pos x="T40" y="T41"/>
                    </a:cxn>
                    <a:cxn ang="T99">
                      <a:pos x="T42" y="T43"/>
                    </a:cxn>
                    <a:cxn ang="T100">
                      <a:pos x="T44" y="T45"/>
                    </a:cxn>
                    <a:cxn ang="T101">
                      <a:pos x="T46" y="T47"/>
                    </a:cxn>
                    <a:cxn ang="T102">
                      <a:pos x="T48" y="T49"/>
                    </a:cxn>
                    <a:cxn ang="T103">
                      <a:pos x="T50" y="T51"/>
                    </a:cxn>
                    <a:cxn ang="T104">
                      <a:pos x="T52" y="T53"/>
                    </a:cxn>
                    <a:cxn ang="T105">
                      <a:pos x="T54" y="T55"/>
                    </a:cxn>
                    <a:cxn ang="T106">
                      <a:pos x="T56" y="T57"/>
                    </a:cxn>
                    <a:cxn ang="T107">
                      <a:pos x="T58" y="T59"/>
                    </a:cxn>
                    <a:cxn ang="T108">
                      <a:pos x="T60" y="T61"/>
                    </a:cxn>
                    <a:cxn ang="T109">
                      <a:pos x="T62" y="T63"/>
                    </a:cxn>
                    <a:cxn ang="T110">
                      <a:pos x="T64" y="T65"/>
                    </a:cxn>
                    <a:cxn ang="T111">
                      <a:pos x="T66" y="T67"/>
                    </a:cxn>
                    <a:cxn ang="T112">
                      <a:pos x="T68" y="T69"/>
                    </a:cxn>
                    <a:cxn ang="T113">
                      <a:pos x="T70" y="T71"/>
                    </a:cxn>
                    <a:cxn ang="T114">
                      <a:pos x="T72" y="T73"/>
                    </a:cxn>
                    <a:cxn ang="T115">
                      <a:pos x="T74" y="T75"/>
                    </a:cxn>
                    <a:cxn ang="T116">
                      <a:pos x="T76" y="T77"/>
                    </a:cxn>
                  </a:cxnLst>
                  <a:rect l="0" t="0" r="r" b="b"/>
                  <a:pathLst>
                    <a:path w="82" h="278">
                      <a:moveTo>
                        <a:pt x="78" y="277"/>
                      </a:move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2"/>
                      </a:lnTo>
                      <a:lnTo>
                        <a:pt x="41" y="278"/>
                      </a:lnTo>
                      <a:lnTo>
                        <a:pt x="76" y="277"/>
                      </a:lnTo>
                      <a:lnTo>
                        <a:pt x="78" y="277"/>
                      </a:lnTo>
                      <a:close/>
                    </a:path>
                  </a:pathLst>
                </a:custGeom>
                <a:solidFill>
                  <a:srgbClr val="FF912B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1" name="Freeform 100">
                  <a:extLst>
                    <a:ext uri="{FF2B5EF4-FFF2-40B4-BE49-F238E27FC236}">
                      <a16:creationId xmlns:a16="http://schemas.microsoft.com/office/drawing/2014/main" id="{3752EC89-E201-4F46-B885-A96CBCD4C941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32"/>
                </a:xfrm>
                <a:custGeom>
                  <a:avLst/>
                  <a:gdLst>
                    <a:gd name="T0" fmla="*/ 1 w 82"/>
                    <a:gd name="T1" fmla="*/ 1 h 264"/>
                    <a:gd name="T2" fmla="*/ 1 w 82"/>
                    <a:gd name="T3" fmla="*/ 1 h 264"/>
                    <a:gd name="T4" fmla="*/ 1 w 82"/>
                    <a:gd name="T5" fmla="*/ 1 h 264"/>
                    <a:gd name="T6" fmla="*/ 1 w 82"/>
                    <a:gd name="T7" fmla="*/ 1 h 264"/>
                    <a:gd name="T8" fmla="*/ 1 w 82"/>
                    <a:gd name="T9" fmla="*/ 1 h 264"/>
                    <a:gd name="T10" fmla="*/ 1 w 82"/>
                    <a:gd name="T11" fmla="*/ 1 h 264"/>
                    <a:gd name="T12" fmla="*/ 1 w 82"/>
                    <a:gd name="T13" fmla="*/ 1 h 264"/>
                    <a:gd name="T14" fmla="*/ 1 w 82"/>
                    <a:gd name="T15" fmla="*/ 1 h 264"/>
                    <a:gd name="T16" fmla="*/ 1 w 82"/>
                    <a:gd name="T17" fmla="*/ 1 h 264"/>
                    <a:gd name="T18" fmla="*/ 1 w 82"/>
                    <a:gd name="T19" fmla="*/ 1 h 264"/>
                    <a:gd name="T20" fmla="*/ 1 w 82"/>
                    <a:gd name="T21" fmla="*/ 1 h 264"/>
                    <a:gd name="T22" fmla="*/ 1 w 82"/>
                    <a:gd name="T23" fmla="*/ 1 h 264"/>
                    <a:gd name="T24" fmla="*/ 1 w 82"/>
                    <a:gd name="T25" fmla="*/ 1 h 264"/>
                    <a:gd name="T26" fmla="*/ 1 w 82"/>
                    <a:gd name="T27" fmla="*/ 1 h 264"/>
                    <a:gd name="T28" fmla="*/ 1 w 82"/>
                    <a:gd name="T29" fmla="*/ 1 h 264"/>
                    <a:gd name="T30" fmla="*/ 1 w 82"/>
                    <a:gd name="T31" fmla="*/ 1 h 264"/>
                    <a:gd name="T32" fmla="*/ 1 w 82"/>
                    <a:gd name="T33" fmla="*/ 0 h 264"/>
                    <a:gd name="T34" fmla="*/ 1 w 82"/>
                    <a:gd name="T35" fmla="*/ 0 h 264"/>
                    <a:gd name="T36" fmla="*/ 1 w 82"/>
                    <a:gd name="T37" fmla="*/ 1 h 264"/>
                    <a:gd name="T38" fmla="*/ 1 w 82"/>
                    <a:gd name="T39" fmla="*/ 1 h 264"/>
                    <a:gd name="T40" fmla="*/ 1 w 82"/>
                    <a:gd name="T41" fmla="*/ 1 h 264"/>
                    <a:gd name="T42" fmla="*/ 1 w 82"/>
                    <a:gd name="T43" fmla="*/ 1 h 264"/>
                    <a:gd name="T44" fmla="*/ 1 w 82"/>
                    <a:gd name="T45" fmla="*/ 1 h 264"/>
                    <a:gd name="T46" fmla="*/ 1 w 82"/>
                    <a:gd name="T47" fmla="*/ 1 h 264"/>
                    <a:gd name="T48" fmla="*/ 1 w 82"/>
                    <a:gd name="T49" fmla="*/ 1 h 264"/>
                    <a:gd name="T50" fmla="*/ 1 w 82"/>
                    <a:gd name="T51" fmla="*/ 1 h 264"/>
                    <a:gd name="T52" fmla="*/ 1 w 82"/>
                    <a:gd name="T53" fmla="*/ 1 h 264"/>
                    <a:gd name="T54" fmla="*/ 1 w 82"/>
                    <a:gd name="T55" fmla="*/ 1 h 264"/>
                    <a:gd name="T56" fmla="*/ 1 w 82"/>
                    <a:gd name="T57" fmla="*/ 1 h 264"/>
                    <a:gd name="T58" fmla="*/ 1 w 82"/>
                    <a:gd name="T59" fmla="*/ 1 h 264"/>
                    <a:gd name="T60" fmla="*/ 0 w 82"/>
                    <a:gd name="T61" fmla="*/ 1 h 264"/>
                    <a:gd name="T62" fmla="*/ 1 w 82"/>
                    <a:gd name="T63" fmla="*/ 1 h 264"/>
                    <a:gd name="T64" fmla="*/ 1 w 82"/>
                    <a:gd name="T65" fmla="*/ 1 h 264"/>
                    <a:gd name="T66" fmla="*/ 1 w 82"/>
                    <a:gd name="T67" fmla="*/ 1 h 264"/>
                    <a:gd name="T68" fmla="*/ 1 w 82"/>
                    <a:gd name="T69" fmla="*/ 1 h 264"/>
                    <a:gd name="T70" fmla="*/ 1 w 82"/>
                    <a:gd name="T71" fmla="*/ 1 h 264"/>
                    <a:gd name="T72" fmla="*/ 1 w 82"/>
                    <a:gd name="T73" fmla="*/ 1 h 264"/>
                    <a:gd name="T74" fmla="*/ 1 w 82"/>
                    <a:gd name="T75" fmla="*/ 1 h 264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</a:gdLst>
                  <a:ahLst/>
                  <a:cxnLst>
                    <a:cxn ang="T76">
                      <a:pos x="T0" y="T1"/>
                    </a:cxn>
                    <a:cxn ang="T77">
                      <a:pos x="T2" y="T3"/>
                    </a:cxn>
                    <a:cxn ang="T78">
                      <a:pos x="T4" y="T5"/>
                    </a:cxn>
                    <a:cxn ang="T79">
                      <a:pos x="T6" y="T7"/>
                    </a:cxn>
                    <a:cxn ang="T80">
                      <a:pos x="T8" y="T9"/>
                    </a:cxn>
                    <a:cxn ang="T81">
                      <a:pos x="T10" y="T11"/>
                    </a:cxn>
                    <a:cxn ang="T82">
                      <a:pos x="T12" y="T13"/>
                    </a:cxn>
                    <a:cxn ang="T83">
                      <a:pos x="T14" y="T15"/>
                    </a:cxn>
                    <a:cxn ang="T84">
                      <a:pos x="T16" y="T17"/>
                    </a:cxn>
                    <a:cxn ang="T85">
                      <a:pos x="T18" y="T19"/>
                    </a:cxn>
                    <a:cxn ang="T86">
                      <a:pos x="T20" y="T21"/>
                    </a:cxn>
                    <a:cxn ang="T87">
                      <a:pos x="T22" y="T23"/>
                    </a:cxn>
                    <a:cxn ang="T88">
                      <a:pos x="T24" y="T25"/>
                    </a:cxn>
                    <a:cxn ang="T89">
                      <a:pos x="T26" y="T27"/>
                    </a:cxn>
                    <a:cxn ang="T90">
                      <a:pos x="T28" y="T29"/>
                    </a:cxn>
                    <a:cxn ang="T91">
                      <a:pos x="T30" y="T31"/>
                    </a:cxn>
                    <a:cxn ang="T92">
                      <a:pos x="T32" y="T33"/>
                    </a:cxn>
                    <a:cxn ang="T93">
                      <a:pos x="T34" y="T35"/>
                    </a:cxn>
                    <a:cxn ang="T94">
                      <a:pos x="T36" y="T37"/>
                    </a:cxn>
                    <a:cxn ang="T95">
                      <a:pos x="T38" y="T39"/>
                    </a:cxn>
                    <a:cxn ang="T96">
                      <a:pos x="T40" y="T41"/>
                    </a:cxn>
                    <a:cxn ang="T97">
                      <a:pos x="T42" y="T43"/>
                    </a:cxn>
                    <a:cxn ang="T98">
                      <a:pos x="T44" y="T45"/>
                    </a:cxn>
                    <a:cxn ang="T99">
                      <a:pos x="T46" y="T47"/>
                    </a:cxn>
                    <a:cxn ang="T100">
                      <a:pos x="T48" y="T49"/>
                    </a:cxn>
                    <a:cxn ang="T101">
                      <a:pos x="T50" y="T51"/>
                    </a:cxn>
                    <a:cxn ang="T102">
                      <a:pos x="T52" y="T53"/>
                    </a:cxn>
                    <a:cxn ang="T103">
                      <a:pos x="T54" y="T55"/>
                    </a:cxn>
                    <a:cxn ang="T104">
                      <a:pos x="T56" y="T57"/>
                    </a:cxn>
                    <a:cxn ang="T105">
                      <a:pos x="T58" y="T59"/>
                    </a:cxn>
                    <a:cxn ang="T106">
                      <a:pos x="T60" y="T61"/>
                    </a:cxn>
                    <a:cxn ang="T107">
                      <a:pos x="T62" y="T63"/>
                    </a:cxn>
                    <a:cxn ang="T108">
                      <a:pos x="T64" y="T65"/>
                    </a:cxn>
                    <a:cxn ang="T109">
                      <a:pos x="T66" y="T67"/>
                    </a:cxn>
                    <a:cxn ang="T110">
                      <a:pos x="T68" y="T69"/>
                    </a:cxn>
                    <a:cxn ang="T111">
                      <a:pos x="T70" y="T71"/>
                    </a:cxn>
                    <a:cxn ang="T112">
                      <a:pos x="T72" y="T73"/>
                    </a:cxn>
                    <a:cxn ang="T113">
                      <a:pos x="T74" y="T75"/>
                    </a:cxn>
                  </a:cxnLst>
                  <a:rect l="0" t="0" r="r" b="b"/>
                  <a:pathLst>
                    <a:path w="82" h="264">
                      <a:moveTo>
                        <a:pt x="80" y="263"/>
                      </a:move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4" y="256"/>
                      </a:lnTo>
                      <a:lnTo>
                        <a:pt x="36" y="263"/>
                      </a:lnTo>
                      <a:lnTo>
                        <a:pt x="68" y="264"/>
                      </a:lnTo>
                      <a:lnTo>
                        <a:pt x="80" y="263"/>
                      </a:lnTo>
                      <a:close/>
                    </a:path>
                  </a:pathLst>
                </a:custGeom>
                <a:solidFill>
                  <a:srgbClr val="FF9B27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2" name="Freeform 101">
                  <a:extLst>
                    <a:ext uri="{FF2B5EF4-FFF2-40B4-BE49-F238E27FC236}">
                      <a16:creationId xmlns:a16="http://schemas.microsoft.com/office/drawing/2014/main" id="{E5DD7FEE-7455-445C-B216-1C663EDDA2FC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26"/>
                </a:xfrm>
                <a:custGeom>
                  <a:avLst/>
                  <a:gdLst>
                    <a:gd name="T0" fmla="*/ 1 w 82"/>
                    <a:gd name="T1" fmla="*/ 1 h 250"/>
                    <a:gd name="T2" fmla="*/ 1 w 82"/>
                    <a:gd name="T3" fmla="*/ 1 h 250"/>
                    <a:gd name="T4" fmla="*/ 1 w 82"/>
                    <a:gd name="T5" fmla="*/ 1 h 250"/>
                    <a:gd name="T6" fmla="*/ 1 w 82"/>
                    <a:gd name="T7" fmla="*/ 1 h 250"/>
                    <a:gd name="T8" fmla="*/ 1 w 82"/>
                    <a:gd name="T9" fmla="*/ 1 h 250"/>
                    <a:gd name="T10" fmla="*/ 1 w 82"/>
                    <a:gd name="T11" fmla="*/ 1 h 250"/>
                    <a:gd name="T12" fmla="*/ 1 w 82"/>
                    <a:gd name="T13" fmla="*/ 1 h 250"/>
                    <a:gd name="T14" fmla="*/ 1 w 82"/>
                    <a:gd name="T15" fmla="*/ 1 h 250"/>
                    <a:gd name="T16" fmla="*/ 1 w 82"/>
                    <a:gd name="T17" fmla="*/ 1 h 250"/>
                    <a:gd name="T18" fmla="*/ 1 w 82"/>
                    <a:gd name="T19" fmla="*/ 1 h 250"/>
                    <a:gd name="T20" fmla="*/ 1 w 82"/>
                    <a:gd name="T21" fmla="*/ 1 h 250"/>
                    <a:gd name="T22" fmla="*/ 1 w 82"/>
                    <a:gd name="T23" fmla="*/ 1 h 250"/>
                    <a:gd name="T24" fmla="*/ 1 w 82"/>
                    <a:gd name="T25" fmla="*/ 1 h 250"/>
                    <a:gd name="T26" fmla="*/ 1 w 82"/>
                    <a:gd name="T27" fmla="*/ 1 h 250"/>
                    <a:gd name="T28" fmla="*/ 1 w 82"/>
                    <a:gd name="T29" fmla="*/ 1 h 250"/>
                    <a:gd name="T30" fmla="*/ 1 w 82"/>
                    <a:gd name="T31" fmla="*/ 0 h 250"/>
                    <a:gd name="T32" fmla="*/ 1 w 82"/>
                    <a:gd name="T33" fmla="*/ 0 h 250"/>
                    <a:gd name="T34" fmla="*/ 1 w 82"/>
                    <a:gd name="T35" fmla="*/ 1 h 250"/>
                    <a:gd name="T36" fmla="*/ 1 w 82"/>
                    <a:gd name="T37" fmla="*/ 1 h 250"/>
                    <a:gd name="T38" fmla="*/ 1 w 82"/>
                    <a:gd name="T39" fmla="*/ 1 h 250"/>
                    <a:gd name="T40" fmla="*/ 1 w 82"/>
                    <a:gd name="T41" fmla="*/ 1 h 250"/>
                    <a:gd name="T42" fmla="*/ 1 w 82"/>
                    <a:gd name="T43" fmla="*/ 1 h 250"/>
                    <a:gd name="T44" fmla="*/ 1 w 82"/>
                    <a:gd name="T45" fmla="*/ 1 h 250"/>
                    <a:gd name="T46" fmla="*/ 1 w 82"/>
                    <a:gd name="T47" fmla="*/ 1 h 250"/>
                    <a:gd name="T48" fmla="*/ 1 w 82"/>
                    <a:gd name="T49" fmla="*/ 1 h 250"/>
                    <a:gd name="T50" fmla="*/ 1 w 82"/>
                    <a:gd name="T51" fmla="*/ 1 h 250"/>
                    <a:gd name="T52" fmla="*/ 1 w 82"/>
                    <a:gd name="T53" fmla="*/ 1 h 250"/>
                    <a:gd name="T54" fmla="*/ 1 w 82"/>
                    <a:gd name="T55" fmla="*/ 1 h 250"/>
                    <a:gd name="T56" fmla="*/ 1 w 82"/>
                    <a:gd name="T57" fmla="*/ 1 h 250"/>
                    <a:gd name="T58" fmla="*/ 0 w 82"/>
                    <a:gd name="T59" fmla="*/ 1 h 250"/>
                    <a:gd name="T60" fmla="*/ 1 w 82"/>
                    <a:gd name="T61" fmla="*/ 1 h 250"/>
                    <a:gd name="T62" fmla="*/ 1 w 82"/>
                    <a:gd name="T63" fmla="*/ 1 h 250"/>
                    <a:gd name="T64" fmla="*/ 1 w 82"/>
                    <a:gd name="T65" fmla="*/ 1 h 250"/>
                    <a:gd name="T66" fmla="*/ 1 w 82"/>
                    <a:gd name="T67" fmla="*/ 1 h 250"/>
                    <a:gd name="T68" fmla="*/ 1 w 82"/>
                    <a:gd name="T69" fmla="*/ 1 h 250"/>
                    <a:gd name="T70" fmla="*/ 1 w 82"/>
                    <a:gd name="T71" fmla="*/ 1 h 250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</a:gdLst>
                  <a:ahLst/>
                  <a:cxnLst>
                    <a:cxn ang="T72">
                      <a:pos x="T0" y="T1"/>
                    </a:cxn>
                    <a:cxn ang="T73">
                      <a:pos x="T2" y="T3"/>
                    </a:cxn>
                    <a:cxn ang="T74">
                      <a:pos x="T4" y="T5"/>
                    </a:cxn>
                    <a:cxn ang="T75">
                      <a:pos x="T6" y="T7"/>
                    </a:cxn>
                    <a:cxn ang="T76">
                      <a:pos x="T8" y="T9"/>
                    </a:cxn>
                    <a:cxn ang="T77">
                      <a:pos x="T10" y="T11"/>
                    </a:cxn>
                    <a:cxn ang="T78">
                      <a:pos x="T12" y="T13"/>
                    </a:cxn>
                    <a:cxn ang="T79">
                      <a:pos x="T14" y="T15"/>
                    </a:cxn>
                    <a:cxn ang="T80">
                      <a:pos x="T16" y="T17"/>
                    </a:cxn>
                    <a:cxn ang="T81">
                      <a:pos x="T18" y="T19"/>
                    </a:cxn>
                    <a:cxn ang="T82">
                      <a:pos x="T20" y="T21"/>
                    </a:cxn>
                    <a:cxn ang="T83">
                      <a:pos x="T22" y="T23"/>
                    </a:cxn>
                    <a:cxn ang="T84">
                      <a:pos x="T24" y="T25"/>
                    </a:cxn>
                    <a:cxn ang="T85">
                      <a:pos x="T26" y="T27"/>
                    </a:cxn>
                    <a:cxn ang="T86">
                      <a:pos x="T28" y="T29"/>
                    </a:cxn>
                    <a:cxn ang="T87">
                      <a:pos x="T30" y="T31"/>
                    </a:cxn>
                    <a:cxn ang="T88">
                      <a:pos x="T32" y="T33"/>
                    </a:cxn>
                    <a:cxn ang="T89">
                      <a:pos x="T34" y="T35"/>
                    </a:cxn>
                    <a:cxn ang="T90">
                      <a:pos x="T36" y="T37"/>
                    </a:cxn>
                    <a:cxn ang="T91">
                      <a:pos x="T38" y="T39"/>
                    </a:cxn>
                    <a:cxn ang="T92">
                      <a:pos x="T40" y="T41"/>
                    </a:cxn>
                    <a:cxn ang="T93">
                      <a:pos x="T42" y="T43"/>
                    </a:cxn>
                    <a:cxn ang="T94">
                      <a:pos x="T44" y="T45"/>
                    </a:cxn>
                    <a:cxn ang="T95">
                      <a:pos x="T46" y="T47"/>
                    </a:cxn>
                    <a:cxn ang="T96">
                      <a:pos x="T48" y="T49"/>
                    </a:cxn>
                    <a:cxn ang="T97">
                      <a:pos x="T50" y="T51"/>
                    </a:cxn>
                    <a:cxn ang="T98">
                      <a:pos x="T52" y="T53"/>
                    </a:cxn>
                    <a:cxn ang="T99">
                      <a:pos x="T54" y="T55"/>
                    </a:cxn>
                    <a:cxn ang="T100">
                      <a:pos x="T56" y="T57"/>
                    </a:cxn>
                    <a:cxn ang="T101">
                      <a:pos x="T58" y="T59"/>
                    </a:cxn>
                    <a:cxn ang="T102">
                      <a:pos x="T60" y="T61"/>
                    </a:cxn>
                    <a:cxn ang="T103">
                      <a:pos x="T62" y="T63"/>
                    </a:cxn>
                    <a:cxn ang="T104">
                      <a:pos x="T64" y="T65"/>
                    </a:cxn>
                    <a:cxn ang="T105">
                      <a:pos x="T66" y="T67"/>
                    </a:cxn>
                    <a:cxn ang="T106">
                      <a:pos x="T68" y="T69"/>
                    </a:cxn>
                    <a:cxn ang="T107">
                      <a:pos x="T70" y="T71"/>
                    </a:cxn>
                  </a:cxnLst>
                  <a:rect l="0" t="0" r="r" b="b"/>
                  <a:pathLst>
                    <a:path w="82" h="250">
                      <a:moveTo>
                        <a:pt x="81" y="249"/>
                      </a:move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41"/>
                      </a:lnTo>
                      <a:lnTo>
                        <a:pt x="32" y="249"/>
                      </a:lnTo>
                      <a:lnTo>
                        <a:pt x="61" y="250"/>
                      </a:lnTo>
                      <a:lnTo>
                        <a:pt x="81" y="249"/>
                      </a:lnTo>
                      <a:close/>
                    </a:path>
                  </a:pathLst>
                </a:custGeom>
                <a:solidFill>
                  <a:srgbClr val="FFA435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3" name="Freeform 102">
                  <a:extLst>
                    <a:ext uri="{FF2B5EF4-FFF2-40B4-BE49-F238E27FC236}">
                      <a16:creationId xmlns:a16="http://schemas.microsoft.com/office/drawing/2014/main" id="{CEA5561F-0A3E-43B5-A7AE-C3D3E7C043E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19"/>
                </a:xfrm>
                <a:custGeom>
                  <a:avLst/>
                  <a:gdLst>
                    <a:gd name="T0" fmla="*/ 1 w 82"/>
                    <a:gd name="T1" fmla="*/ 1 h 237"/>
                    <a:gd name="T2" fmla="*/ 1 w 82"/>
                    <a:gd name="T3" fmla="*/ 1 h 237"/>
                    <a:gd name="T4" fmla="*/ 1 w 82"/>
                    <a:gd name="T5" fmla="*/ 1 h 237"/>
                    <a:gd name="T6" fmla="*/ 1 w 82"/>
                    <a:gd name="T7" fmla="*/ 1 h 237"/>
                    <a:gd name="T8" fmla="*/ 1 w 82"/>
                    <a:gd name="T9" fmla="*/ 1 h 237"/>
                    <a:gd name="T10" fmla="*/ 1 w 82"/>
                    <a:gd name="T11" fmla="*/ 1 h 237"/>
                    <a:gd name="T12" fmla="*/ 1 w 82"/>
                    <a:gd name="T13" fmla="*/ 1 h 237"/>
                    <a:gd name="T14" fmla="*/ 1 w 82"/>
                    <a:gd name="T15" fmla="*/ 1 h 237"/>
                    <a:gd name="T16" fmla="*/ 1 w 82"/>
                    <a:gd name="T17" fmla="*/ 1 h 237"/>
                    <a:gd name="T18" fmla="*/ 1 w 82"/>
                    <a:gd name="T19" fmla="*/ 1 h 237"/>
                    <a:gd name="T20" fmla="*/ 1 w 82"/>
                    <a:gd name="T21" fmla="*/ 1 h 237"/>
                    <a:gd name="T22" fmla="*/ 1 w 82"/>
                    <a:gd name="T23" fmla="*/ 1 h 237"/>
                    <a:gd name="T24" fmla="*/ 1 w 82"/>
                    <a:gd name="T25" fmla="*/ 1 h 237"/>
                    <a:gd name="T26" fmla="*/ 1 w 82"/>
                    <a:gd name="T27" fmla="*/ 1 h 237"/>
                    <a:gd name="T28" fmla="*/ 1 w 82"/>
                    <a:gd name="T29" fmla="*/ 1 h 237"/>
                    <a:gd name="T30" fmla="*/ 1 w 82"/>
                    <a:gd name="T31" fmla="*/ 0 h 237"/>
                    <a:gd name="T32" fmla="*/ 1 w 82"/>
                    <a:gd name="T33" fmla="*/ 0 h 237"/>
                    <a:gd name="T34" fmla="*/ 1 w 82"/>
                    <a:gd name="T35" fmla="*/ 1 h 237"/>
                    <a:gd name="T36" fmla="*/ 1 w 82"/>
                    <a:gd name="T37" fmla="*/ 1 h 237"/>
                    <a:gd name="T38" fmla="*/ 1 w 82"/>
                    <a:gd name="T39" fmla="*/ 1 h 237"/>
                    <a:gd name="T40" fmla="*/ 1 w 82"/>
                    <a:gd name="T41" fmla="*/ 1 h 237"/>
                    <a:gd name="T42" fmla="*/ 1 w 82"/>
                    <a:gd name="T43" fmla="*/ 1 h 237"/>
                    <a:gd name="T44" fmla="*/ 1 w 82"/>
                    <a:gd name="T45" fmla="*/ 1 h 237"/>
                    <a:gd name="T46" fmla="*/ 1 w 82"/>
                    <a:gd name="T47" fmla="*/ 1 h 237"/>
                    <a:gd name="T48" fmla="*/ 1 w 82"/>
                    <a:gd name="T49" fmla="*/ 1 h 237"/>
                    <a:gd name="T50" fmla="*/ 1 w 82"/>
                    <a:gd name="T51" fmla="*/ 1 h 237"/>
                    <a:gd name="T52" fmla="*/ 1 w 82"/>
                    <a:gd name="T53" fmla="*/ 1 h 237"/>
                    <a:gd name="T54" fmla="*/ 1 w 82"/>
                    <a:gd name="T55" fmla="*/ 1 h 237"/>
                    <a:gd name="T56" fmla="*/ 1 w 82"/>
                    <a:gd name="T57" fmla="*/ 1 h 237"/>
                    <a:gd name="T58" fmla="*/ 0 w 82"/>
                    <a:gd name="T59" fmla="*/ 1 h 237"/>
                    <a:gd name="T60" fmla="*/ 1 w 82"/>
                    <a:gd name="T61" fmla="*/ 1 h 237"/>
                    <a:gd name="T62" fmla="*/ 1 w 82"/>
                    <a:gd name="T63" fmla="*/ 1 h 237"/>
                    <a:gd name="T64" fmla="*/ 1 w 82"/>
                    <a:gd name="T65" fmla="*/ 1 h 237"/>
                    <a:gd name="T66" fmla="*/ 1 w 82"/>
                    <a:gd name="T67" fmla="*/ 1 h 237"/>
                    <a:gd name="T68" fmla="*/ 1 w 82"/>
                    <a:gd name="T69" fmla="*/ 1 h 237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</a:gdLst>
                  <a:ahLst/>
                  <a:cxnLst>
                    <a:cxn ang="T70">
                      <a:pos x="T0" y="T1"/>
                    </a:cxn>
                    <a:cxn ang="T71">
                      <a:pos x="T2" y="T3"/>
                    </a:cxn>
                    <a:cxn ang="T72">
                      <a:pos x="T4" y="T5"/>
                    </a:cxn>
                    <a:cxn ang="T73">
                      <a:pos x="T6" y="T7"/>
                    </a:cxn>
                    <a:cxn ang="T74">
                      <a:pos x="T8" y="T9"/>
                    </a:cxn>
                    <a:cxn ang="T75">
                      <a:pos x="T10" y="T11"/>
                    </a:cxn>
                    <a:cxn ang="T76">
                      <a:pos x="T12" y="T13"/>
                    </a:cxn>
                    <a:cxn ang="T77">
                      <a:pos x="T14" y="T15"/>
                    </a:cxn>
                    <a:cxn ang="T78">
                      <a:pos x="T16" y="T17"/>
                    </a:cxn>
                    <a:cxn ang="T79">
                      <a:pos x="T18" y="T19"/>
                    </a:cxn>
                    <a:cxn ang="T80">
                      <a:pos x="T20" y="T21"/>
                    </a:cxn>
                    <a:cxn ang="T81">
                      <a:pos x="T22" y="T23"/>
                    </a:cxn>
                    <a:cxn ang="T82">
                      <a:pos x="T24" y="T25"/>
                    </a:cxn>
                    <a:cxn ang="T83">
                      <a:pos x="T26" y="T27"/>
                    </a:cxn>
                    <a:cxn ang="T84">
                      <a:pos x="T28" y="T29"/>
                    </a:cxn>
                    <a:cxn ang="T85">
                      <a:pos x="T30" y="T31"/>
                    </a:cxn>
                    <a:cxn ang="T86">
                      <a:pos x="T32" y="T33"/>
                    </a:cxn>
                    <a:cxn ang="T87">
                      <a:pos x="T34" y="T35"/>
                    </a:cxn>
                    <a:cxn ang="T88">
                      <a:pos x="T36" y="T37"/>
                    </a:cxn>
                    <a:cxn ang="T89">
                      <a:pos x="T38" y="T39"/>
                    </a:cxn>
                    <a:cxn ang="T90">
                      <a:pos x="T40" y="T41"/>
                    </a:cxn>
                    <a:cxn ang="T91">
                      <a:pos x="T42" y="T43"/>
                    </a:cxn>
                    <a:cxn ang="T92">
                      <a:pos x="T44" y="T45"/>
                    </a:cxn>
                    <a:cxn ang="T93">
                      <a:pos x="T46" y="T47"/>
                    </a:cxn>
                    <a:cxn ang="T94">
                      <a:pos x="T48" y="T49"/>
                    </a:cxn>
                    <a:cxn ang="T95">
                      <a:pos x="T50" y="T51"/>
                    </a:cxn>
                    <a:cxn ang="T96">
                      <a:pos x="T52" y="T53"/>
                    </a:cxn>
                    <a:cxn ang="T97">
                      <a:pos x="T54" y="T55"/>
                    </a:cxn>
                    <a:cxn ang="T98">
                      <a:pos x="T56" y="T57"/>
                    </a:cxn>
                    <a:cxn ang="T99">
                      <a:pos x="T58" y="T59"/>
                    </a:cxn>
                    <a:cxn ang="T100">
                      <a:pos x="T60" y="T61"/>
                    </a:cxn>
                    <a:cxn ang="T101">
                      <a:pos x="T62" y="T63"/>
                    </a:cxn>
                    <a:cxn ang="T102">
                      <a:pos x="T64" y="T65"/>
                    </a:cxn>
                    <a:cxn ang="T103">
                      <a:pos x="T66" y="T67"/>
                    </a:cxn>
                    <a:cxn ang="T104">
                      <a:pos x="T68" y="T69"/>
                    </a:cxn>
                  </a:cxnLst>
                  <a:rect l="0" t="0" r="r" b="b"/>
                  <a:pathLst>
                    <a:path w="82" h="237">
                      <a:moveTo>
                        <a:pt x="81" y="235"/>
                      </a:move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27"/>
                      </a:lnTo>
                      <a:lnTo>
                        <a:pt x="29" y="235"/>
                      </a:lnTo>
                      <a:lnTo>
                        <a:pt x="55" y="237"/>
                      </a:lnTo>
                      <a:lnTo>
                        <a:pt x="81" y="235"/>
                      </a:lnTo>
                      <a:close/>
                    </a:path>
                  </a:pathLst>
                </a:custGeom>
                <a:solidFill>
                  <a:srgbClr val="FFAD4C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4" name="Freeform 103">
                  <a:extLst>
                    <a:ext uri="{FF2B5EF4-FFF2-40B4-BE49-F238E27FC236}">
                      <a16:creationId xmlns:a16="http://schemas.microsoft.com/office/drawing/2014/main" id="{38241752-F08B-4921-9AD9-B09D7D37DA15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12"/>
                </a:xfrm>
                <a:custGeom>
                  <a:avLst/>
                  <a:gdLst>
                    <a:gd name="T0" fmla="*/ 1 w 82"/>
                    <a:gd name="T1" fmla="*/ 1 h 222"/>
                    <a:gd name="T2" fmla="*/ 1 w 82"/>
                    <a:gd name="T3" fmla="*/ 1 h 222"/>
                    <a:gd name="T4" fmla="*/ 1 w 82"/>
                    <a:gd name="T5" fmla="*/ 1 h 222"/>
                    <a:gd name="T6" fmla="*/ 1 w 82"/>
                    <a:gd name="T7" fmla="*/ 1 h 222"/>
                    <a:gd name="T8" fmla="*/ 1 w 82"/>
                    <a:gd name="T9" fmla="*/ 1 h 222"/>
                    <a:gd name="T10" fmla="*/ 1 w 82"/>
                    <a:gd name="T11" fmla="*/ 1 h 222"/>
                    <a:gd name="T12" fmla="*/ 1 w 82"/>
                    <a:gd name="T13" fmla="*/ 1 h 222"/>
                    <a:gd name="T14" fmla="*/ 1 w 82"/>
                    <a:gd name="T15" fmla="*/ 1 h 222"/>
                    <a:gd name="T16" fmla="*/ 1 w 82"/>
                    <a:gd name="T17" fmla="*/ 1 h 222"/>
                    <a:gd name="T18" fmla="*/ 1 w 82"/>
                    <a:gd name="T19" fmla="*/ 1 h 222"/>
                    <a:gd name="T20" fmla="*/ 1 w 82"/>
                    <a:gd name="T21" fmla="*/ 1 h 222"/>
                    <a:gd name="T22" fmla="*/ 1 w 82"/>
                    <a:gd name="T23" fmla="*/ 1 h 222"/>
                    <a:gd name="T24" fmla="*/ 1 w 82"/>
                    <a:gd name="T25" fmla="*/ 1 h 222"/>
                    <a:gd name="T26" fmla="*/ 1 w 82"/>
                    <a:gd name="T27" fmla="*/ 1 h 222"/>
                    <a:gd name="T28" fmla="*/ 1 w 82"/>
                    <a:gd name="T29" fmla="*/ 0 h 222"/>
                    <a:gd name="T30" fmla="*/ 1 w 82"/>
                    <a:gd name="T31" fmla="*/ 0 h 222"/>
                    <a:gd name="T32" fmla="*/ 1 w 82"/>
                    <a:gd name="T33" fmla="*/ 1 h 222"/>
                    <a:gd name="T34" fmla="*/ 1 w 82"/>
                    <a:gd name="T35" fmla="*/ 1 h 222"/>
                    <a:gd name="T36" fmla="*/ 1 w 82"/>
                    <a:gd name="T37" fmla="*/ 1 h 222"/>
                    <a:gd name="T38" fmla="*/ 1 w 82"/>
                    <a:gd name="T39" fmla="*/ 1 h 222"/>
                    <a:gd name="T40" fmla="*/ 1 w 82"/>
                    <a:gd name="T41" fmla="*/ 1 h 222"/>
                    <a:gd name="T42" fmla="*/ 1 w 82"/>
                    <a:gd name="T43" fmla="*/ 1 h 222"/>
                    <a:gd name="T44" fmla="*/ 1 w 82"/>
                    <a:gd name="T45" fmla="*/ 1 h 222"/>
                    <a:gd name="T46" fmla="*/ 1 w 82"/>
                    <a:gd name="T47" fmla="*/ 1 h 222"/>
                    <a:gd name="T48" fmla="*/ 1 w 82"/>
                    <a:gd name="T49" fmla="*/ 1 h 222"/>
                    <a:gd name="T50" fmla="*/ 1 w 82"/>
                    <a:gd name="T51" fmla="*/ 1 h 222"/>
                    <a:gd name="T52" fmla="*/ 1 w 82"/>
                    <a:gd name="T53" fmla="*/ 1 h 222"/>
                    <a:gd name="T54" fmla="*/ 1 w 82"/>
                    <a:gd name="T55" fmla="*/ 1 h 222"/>
                    <a:gd name="T56" fmla="*/ 0 w 82"/>
                    <a:gd name="T57" fmla="*/ 1 h 222"/>
                    <a:gd name="T58" fmla="*/ 1 w 82"/>
                    <a:gd name="T59" fmla="*/ 1 h 222"/>
                    <a:gd name="T60" fmla="*/ 1 w 82"/>
                    <a:gd name="T61" fmla="*/ 1 h 222"/>
                    <a:gd name="T62" fmla="*/ 1 w 82"/>
                    <a:gd name="T63" fmla="*/ 1 h 222"/>
                    <a:gd name="T64" fmla="*/ 1 w 82"/>
                    <a:gd name="T65" fmla="*/ 1 h 222"/>
                    <a:gd name="T66" fmla="*/ 1 w 82"/>
                    <a:gd name="T67" fmla="*/ 1 h 222"/>
                    <a:gd name="T68" fmla="*/ 1 w 82"/>
                    <a:gd name="T69" fmla="*/ 1 h 222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</a:gdLst>
                  <a:ahLst/>
                  <a:cxnLst>
                    <a:cxn ang="T70">
                      <a:pos x="T0" y="T1"/>
                    </a:cxn>
                    <a:cxn ang="T71">
                      <a:pos x="T2" y="T3"/>
                    </a:cxn>
                    <a:cxn ang="T72">
                      <a:pos x="T4" y="T5"/>
                    </a:cxn>
                    <a:cxn ang="T73">
                      <a:pos x="T6" y="T7"/>
                    </a:cxn>
                    <a:cxn ang="T74">
                      <a:pos x="T8" y="T9"/>
                    </a:cxn>
                    <a:cxn ang="T75">
                      <a:pos x="T10" y="T11"/>
                    </a:cxn>
                    <a:cxn ang="T76">
                      <a:pos x="T12" y="T13"/>
                    </a:cxn>
                    <a:cxn ang="T77">
                      <a:pos x="T14" y="T15"/>
                    </a:cxn>
                    <a:cxn ang="T78">
                      <a:pos x="T16" y="T17"/>
                    </a:cxn>
                    <a:cxn ang="T79">
                      <a:pos x="T18" y="T19"/>
                    </a:cxn>
                    <a:cxn ang="T80">
                      <a:pos x="T20" y="T21"/>
                    </a:cxn>
                    <a:cxn ang="T81">
                      <a:pos x="T22" y="T23"/>
                    </a:cxn>
                    <a:cxn ang="T82">
                      <a:pos x="T24" y="T25"/>
                    </a:cxn>
                    <a:cxn ang="T83">
                      <a:pos x="T26" y="T27"/>
                    </a:cxn>
                    <a:cxn ang="T84">
                      <a:pos x="T28" y="T29"/>
                    </a:cxn>
                    <a:cxn ang="T85">
                      <a:pos x="T30" y="T31"/>
                    </a:cxn>
                    <a:cxn ang="T86">
                      <a:pos x="T32" y="T33"/>
                    </a:cxn>
                    <a:cxn ang="T87">
                      <a:pos x="T34" y="T35"/>
                    </a:cxn>
                    <a:cxn ang="T88">
                      <a:pos x="T36" y="T37"/>
                    </a:cxn>
                    <a:cxn ang="T89">
                      <a:pos x="T38" y="T39"/>
                    </a:cxn>
                    <a:cxn ang="T90">
                      <a:pos x="T40" y="T41"/>
                    </a:cxn>
                    <a:cxn ang="T91">
                      <a:pos x="T42" y="T43"/>
                    </a:cxn>
                    <a:cxn ang="T92">
                      <a:pos x="T44" y="T45"/>
                    </a:cxn>
                    <a:cxn ang="T93">
                      <a:pos x="T46" y="T47"/>
                    </a:cxn>
                    <a:cxn ang="T94">
                      <a:pos x="T48" y="T49"/>
                    </a:cxn>
                    <a:cxn ang="T95">
                      <a:pos x="T50" y="T51"/>
                    </a:cxn>
                    <a:cxn ang="T96">
                      <a:pos x="T52" y="T53"/>
                    </a:cxn>
                    <a:cxn ang="T97">
                      <a:pos x="T54" y="T55"/>
                    </a:cxn>
                    <a:cxn ang="T98">
                      <a:pos x="T56" y="T57"/>
                    </a:cxn>
                    <a:cxn ang="T99">
                      <a:pos x="T58" y="T59"/>
                    </a:cxn>
                    <a:cxn ang="T100">
                      <a:pos x="T60" y="T61"/>
                    </a:cxn>
                    <a:cxn ang="T101">
                      <a:pos x="T62" y="T63"/>
                    </a:cxn>
                    <a:cxn ang="T102">
                      <a:pos x="T64" y="T65"/>
                    </a:cxn>
                    <a:cxn ang="T103">
                      <a:pos x="T66" y="T67"/>
                    </a:cxn>
                    <a:cxn ang="T104">
                      <a:pos x="T68" y="T69"/>
                    </a:cxn>
                  </a:cxnLst>
                  <a:rect l="0" t="0" r="r" b="b"/>
                  <a:pathLst>
                    <a:path w="82" h="222">
                      <a:moveTo>
                        <a:pt x="82" y="220"/>
                      </a:move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10"/>
                      </a:lnTo>
                      <a:lnTo>
                        <a:pt x="25" y="219"/>
                      </a:lnTo>
                      <a:lnTo>
                        <a:pt x="49" y="222"/>
                      </a:lnTo>
                      <a:lnTo>
                        <a:pt x="72" y="221"/>
                      </a:lnTo>
                      <a:lnTo>
                        <a:pt x="82" y="220"/>
                      </a:lnTo>
                      <a:close/>
                    </a:path>
                  </a:pathLst>
                </a:custGeom>
                <a:solidFill>
                  <a:srgbClr val="FFB66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5" name="Freeform 104">
                  <a:extLst>
                    <a:ext uri="{FF2B5EF4-FFF2-40B4-BE49-F238E27FC236}">
                      <a16:creationId xmlns:a16="http://schemas.microsoft.com/office/drawing/2014/main" id="{1BD98B74-E9CC-4975-B25E-BF9A0CF7DB8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05"/>
                </a:xfrm>
                <a:custGeom>
                  <a:avLst/>
                  <a:gdLst>
                    <a:gd name="T0" fmla="*/ 1 w 82"/>
                    <a:gd name="T1" fmla="*/ 1 h 209"/>
                    <a:gd name="T2" fmla="*/ 1 w 82"/>
                    <a:gd name="T3" fmla="*/ 1 h 209"/>
                    <a:gd name="T4" fmla="*/ 1 w 82"/>
                    <a:gd name="T5" fmla="*/ 1 h 209"/>
                    <a:gd name="T6" fmla="*/ 1 w 82"/>
                    <a:gd name="T7" fmla="*/ 1 h 209"/>
                    <a:gd name="T8" fmla="*/ 1 w 82"/>
                    <a:gd name="T9" fmla="*/ 1 h 209"/>
                    <a:gd name="T10" fmla="*/ 1 w 82"/>
                    <a:gd name="T11" fmla="*/ 1 h 209"/>
                    <a:gd name="T12" fmla="*/ 1 w 82"/>
                    <a:gd name="T13" fmla="*/ 1 h 209"/>
                    <a:gd name="T14" fmla="*/ 1 w 82"/>
                    <a:gd name="T15" fmla="*/ 1 h 209"/>
                    <a:gd name="T16" fmla="*/ 1 w 82"/>
                    <a:gd name="T17" fmla="*/ 1 h 209"/>
                    <a:gd name="T18" fmla="*/ 1 w 82"/>
                    <a:gd name="T19" fmla="*/ 1 h 209"/>
                    <a:gd name="T20" fmla="*/ 1 w 82"/>
                    <a:gd name="T21" fmla="*/ 1 h 209"/>
                    <a:gd name="T22" fmla="*/ 1 w 82"/>
                    <a:gd name="T23" fmla="*/ 1 h 209"/>
                    <a:gd name="T24" fmla="*/ 1 w 82"/>
                    <a:gd name="T25" fmla="*/ 1 h 209"/>
                    <a:gd name="T26" fmla="*/ 1 w 82"/>
                    <a:gd name="T27" fmla="*/ 0 h 209"/>
                    <a:gd name="T28" fmla="*/ 1 w 82"/>
                    <a:gd name="T29" fmla="*/ 0 h 209"/>
                    <a:gd name="T30" fmla="*/ 1 w 82"/>
                    <a:gd name="T31" fmla="*/ 1 h 209"/>
                    <a:gd name="T32" fmla="*/ 1 w 82"/>
                    <a:gd name="T33" fmla="*/ 1 h 209"/>
                    <a:gd name="T34" fmla="*/ 1 w 82"/>
                    <a:gd name="T35" fmla="*/ 1 h 209"/>
                    <a:gd name="T36" fmla="*/ 1 w 82"/>
                    <a:gd name="T37" fmla="*/ 1 h 209"/>
                    <a:gd name="T38" fmla="*/ 1 w 82"/>
                    <a:gd name="T39" fmla="*/ 1 h 209"/>
                    <a:gd name="T40" fmla="*/ 1 w 82"/>
                    <a:gd name="T41" fmla="*/ 1 h 209"/>
                    <a:gd name="T42" fmla="*/ 1 w 82"/>
                    <a:gd name="T43" fmla="*/ 1 h 209"/>
                    <a:gd name="T44" fmla="*/ 1 w 82"/>
                    <a:gd name="T45" fmla="*/ 1 h 209"/>
                    <a:gd name="T46" fmla="*/ 1 w 82"/>
                    <a:gd name="T47" fmla="*/ 1 h 209"/>
                    <a:gd name="T48" fmla="*/ 1 w 82"/>
                    <a:gd name="T49" fmla="*/ 1 h 209"/>
                    <a:gd name="T50" fmla="*/ 1 w 82"/>
                    <a:gd name="T51" fmla="*/ 1 h 209"/>
                    <a:gd name="T52" fmla="*/ 1 w 82"/>
                    <a:gd name="T53" fmla="*/ 1 h 209"/>
                    <a:gd name="T54" fmla="*/ 0 w 82"/>
                    <a:gd name="T55" fmla="*/ 1 h 209"/>
                    <a:gd name="T56" fmla="*/ 1 w 82"/>
                    <a:gd name="T57" fmla="*/ 1 h 209"/>
                    <a:gd name="T58" fmla="*/ 1 w 82"/>
                    <a:gd name="T59" fmla="*/ 1 h 209"/>
                    <a:gd name="T60" fmla="*/ 1 w 82"/>
                    <a:gd name="T61" fmla="*/ 1 h 209"/>
                    <a:gd name="T62" fmla="*/ 1 w 82"/>
                    <a:gd name="T63" fmla="*/ 1 h 209"/>
                    <a:gd name="T64" fmla="*/ 1 w 82"/>
                    <a:gd name="T65" fmla="*/ 1 h 209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</a:gdLst>
                  <a:ahLst/>
                  <a:cxnLst>
                    <a:cxn ang="T66">
                      <a:pos x="T0" y="T1"/>
                    </a:cxn>
                    <a:cxn ang="T67">
                      <a:pos x="T2" y="T3"/>
                    </a:cxn>
                    <a:cxn ang="T68">
                      <a:pos x="T4" y="T5"/>
                    </a:cxn>
                    <a:cxn ang="T69">
                      <a:pos x="T6" y="T7"/>
                    </a:cxn>
                    <a:cxn ang="T70">
                      <a:pos x="T8" y="T9"/>
                    </a:cxn>
                    <a:cxn ang="T71">
                      <a:pos x="T10" y="T11"/>
                    </a:cxn>
                    <a:cxn ang="T72">
                      <a:pos x="T12" y="T13"/>
                    </a:cxn>
                    <a:cxn ang="T73">
                      <a:pos x="T14" y="T15"/>
                    </a:cxn>
                    <a:cxn ang="T74">
                      <a:pos x="T16" y="T17"/>
                    </a:cxn>
                    <a:cxn ang="T75">
                      <a:pos x="T18" y="T19"/>
                    </a:cxn>
                    <a:cxn ang="T76">
                      <a:pos x="T20" y="T21"/>
                    </a:cxn>
                    <a:cxn ang="T77">
                      <a:pos x="T22" y="T23"/>
                    </a:cxn>
                    <a:cxn ang="T78">
                      <a:pos x="T24" y="T25"/>
                    </a:cxn>
                    <a:cxn ang="T79">
                      <a:pos x="T26" y="T27"/>
                    </a:cxn>
                    <a:cxn ang="T80">
                      <a:pos x="T28" y="T29"/>
                    </a:cxn>
                    <a:cxn ang="T81">
                      <a:pos x="T30" y="T31"/>
                    </a:cxn>
                    <a:cxn ang="T82">
                      <a:pos x="T32" y="T33"/>
                    </a:cxn>
                    <a:cxn ang="T83">
                      <a:pos x="T34" y="T35"/>
                    </a:cxn>
                    <a:cxn ang="T84">
                      <a:pos x="T36" y="T37"/>
                    </a:cxn>
                    <a:cxn ang="T85">
                      <a:pos x="T38" y="T39"/>
                    </a:cxn>
                    <a:cxn ang="T86">
                      <a:pos x="T40" y="T41"/>
                    </a:cxn>
                    <a:cxn ang="T87">
                      <a:pos x="T42" y="T43"/>
                    </a:cxn>
                    <a:cxn ang="T88">
                      <a:pos x="T44" y="T45"/>
                    </a:cxn>
                    <a:cxn ang="T89">
                      <a:pos x="T46" y="T47"/>
                    </a:cxn>
                    <a:cxn ang="T90">
                      <a:pos x="T48" y="T49"/>
                    </a:cxn>
                    <a:cxn ang="T91">
                      <a:pos x="T50" y="T51"/>
                    </a:cxn>
                    <a:cxn ang="T92">
                      <a:pos x="T52" y="T53"/>
                    </a:cxn>
                    <a:cxn ang="T93">
                      <a:pos x="T54" y="T55"/>
                    </a:cxn>
                    <a:cxn ang="T94">
                      <a:pos x="T56" y="T57"/>
                    </a:cxn>
                    <a:cxn ang="T95">
                      <a:pos x="T58" y="T59"/>
                    </a:cxn>
                    <a:cxn ang="T96">
                      <a:pos x="T60" y="T61"/>
                    </a:cxn>
                    <a:cxn ang="T97">
                      <a:pos x="T62" y="T63"/>
                    </a:cxn>
                    <a:cxn ang="T98">
                      <a:pos x="T64" y="T65"/>
                    </a:cxn>
                  </a:cxnLst>
                  <a:rect l="0" t="0" r="r" b="b"/>
                  <a:pathLst>
                    <a:path w="82" h="209">
                      <a:moveTo>
                        <a:pt x="82" y="207"/>
                      </a:move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194"/>
                      </a:lnTo>
                      <a:lnTo>
                        <a:pt x="21" y="203"/>
                      </a:lnTo>
                      <a:lnTo>
                        <a:pt x="42" y="209"/>
                      </a:lnTo>
                      <a:lnTo>
                        <a:pt x="62" y="209"/>
                      </a:lnTo>
                      <a:lnTo>
                        <a:pt x="82" y="207"/>
                      </a:lnTo>
                      <a:close/>
                    </a:path>
                  </a:pathLst>
                </a:custGeom>
                <a:solidFill>
                  <a:srgbClr val="FFBF7A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6" name="Freeform 105">
                  <a:extLst>
                    <a:ext uri="{FF2B5EF4-FFF2-40B4-BE49-F238E27FC236}">
                      <a16:creationId xmlns:a16="http://schemas.microsoft.com/office/drawing/2014/main" id="{5FCAD859-E5CD-4AF2-88FB-E57C7509941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4"/>
                  <a:ext cx="41" cy="96"/>
                </a:xfrm>
                <a:custGeom>
                  <a:avLst/>
                  <a:gdLst>
                    <a:gd name="T0" fmla="*/ 1 w 81"/>
                    <a:gd name="T1" fmla="*/ 1 h 191"/>
                    <a:gd name="T2" fmla="*/ 1 w 81"/>
                    <a:gd name="T3" fmla="*/ 1 h 191"/>
                    <a:gd name="T4" fmla="*/ 1 w 81"/>
                    <a:gd name="T5" fmla="*/ 1 h 191"/>
                    <a:gd name="T6" fmla="*/ 1 w 81"/>
                    <a:gd name="T7" fmla="*/ 1 h 191"/>
                    <a:gd name="T8" fmla="*/ 1 w 81"/>
                    <a:gd name="T9" fmla="*/ 1 h 191"/>
                    <a:gd name="T10" fmla="*/ 1 w 81"/>
                    <a:gd name="T11" fmla="*/ 1 h 191"/>
                    <a:gd name="T12" fmla="*/ 1 w 81"/>
                    <a:gd name="T13" fmla="*/ 1 h 191"/>
                    <a:gd name="T14" fmla="*/ 1 w 81"/>
                    <a:gd name="T15" fmla="*/ 1 h 191"/>
                    <a:gd name="T16" fmla="*/ 1 w 81"/>
                    <a:gd name="T17" fmla="*/ 1 h 191"/>
                    <a:gd name="T18" fmla="*/ 0 w 81"/>
                    <a:gd name="T19" fmla="*/ 1 h 191"/>
                    <a:gd name="T20" fmla="*/ 0 w 81"/>
                    <a:gd name="T21" fmla="*/ 1 h 191"/>
                    <a:gd name="T22" fmla="*/ 1 w 81"/>
                    <a:gd name="T23" fmla="*/ 1 h 191"/>
                    <a:gd name="T24" fmla="*/ 1 w 81"/>
                    <a:gd name="T25" fmla="*/ 1 h 191"/>
                    <a:gd name="T26" fmla="*/ 1 w 81"/>
                    <a:gd name="T27" fmla="*/ 1 h 191"/>
                    <a:gd name="T28" fmla="*/ 1 w 81"/>
                    <a:gd name="T29" fmla="*/ 1 h 191"/>
                    <a:gd name="T30" fmla="*/ 1 w 81"/>
                    <a:gd name="T31" fmla="*/ 1 h 191"/>
                    <a:gd name="T32" fmla="*/ 1 w 81"/>
                    <a:gd name="T33" fmla="*/ 1 h 191"/>
                    <a:gd name="T34" fmla="*/ 1 w 81"/>
                    <a:gd name="T35" fmla="*/ 1 h 191"/>
                    <a:gd name="T36" fmla="*/ 1 w 81"/>
                    <a:gd name="T37" fmla="*/ 1 h 191"/>
                    <a:gd name="T38" fmla="*/ 1 w 81"/>
                    <a:gd name="T39" fmla="*/ 1 h 191"/>
                    <a:gd name="T40" fmla="*/ 1 w 81"/>
                    <a:gd name="T41" fmla="*/ 1 h 191"/>
                    <a:gd name="T42" fmla="*/ 1 w 81"/>
                    <a:gd name="T43" fmla="*/ 1 h 191"/>
                    <a:gd name="T44" fmla="*/ 1 w 81"/>
                    <a:gd name="T45" fmla="*/ 1 h 191"/>
                    <a:gd name="T46" fmla="*/ 1 w 81"/>
                    <a:gd name="T47" fmla="*/ 1 h 191"/>
                    <a:gd name="T48" fmla="*/ 1 w 81"/>
                    <a:gd name="T49" fmla="*/ 1 h 191"/>
                    <a:gd name="T50" fmla="*/ 1 w 81"/>
                    <a:gd name="T51" fmla="*/ 1 h 191"/>
                    <a:gd name="T52" fmla="*/ 1 w 81"/>
                    <a:gd name="T53" fmla="*/ 1 h 191"/>
                    <a:gd name="T54" fmla="*/ 1 w 81"/>
                    <a:gd name="T55" fmla="*/ 0 h 191"/>
                    <a:gd name="T56" fmla="*/ 1 w 81"/>
                    <a:gd name="T57" fmla="*/ 1 h 191"/>
                    <a:gd name="T58" fmla="*/ 1 w 81"/>
                    <a:gd name="T59" fmla="*/ 1 h 191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</a:gdLst>
                  <a:ahLst/>
                  <a:cxnLst>
                    <a:cxn ang="T60">
                      <a:pos x="T0" y="T1"/>
                    </a:cxn>
                    <a:cxn ang="T61">
                      <a:pos x="T2" y="T3"/>
                    </a:cxn>
                    <a:cxn ang="T62">
                      <a:pos x="T4" y="T5"/>
                    </a:cxn>
                    <a:cxn ang="T63">
                      <a:pos x="T6" y="T7"/>
                    </a:cxn>
                    <a:cxn ang="T64">
                      <a:pos x="T8" y="T9"/>
                    </a:cxn>
                    <a:cxn ang="T65">
                      <a:pos x="T10" y="T11"/>
                    </a:cxn>
                    <a:cxn ang="T66">
                      <a:pos x="T12" y="T13"/>
                    </a:cxn>
                    <a:cxn ang="T67">
                      <a:pos x="T14" y="T15"/>
                    </a:cxn>
                    <a:cxn ang="T68">
                      <a:pos x="T16" y="T17"/>
                    </a:cxn>
                    <a:cxn ang="T69">
                      <a:pos x="T18" y="T19"/>
                    </a:cxn>
                    <a:cxn ang="T70">
                      <a:pos x="T20" y="T21"/>
                    </a:cxn>
                    <a:cxn ang="T71">
                      <a:pos x="T22" y="T23"/>
                    </a:cxn>
                    <a:cxn ang="T72">
                      <a:pos x="T24" y="T25"/>
                    </a:cxn>
                    <a:cxn ang="T73">
                      <a:pos x="T26" y="T27"/>
                    </a:cxn>
                    <a:cxn ang="T74">
                      <a:pos x="T28" y="T29"/>
                    </a:cxn>
                    <a:cxn ang="T75">
                      <a:pos x="T30" y="T31"/>
                    </a:cxn>
                    <a:cxn ang="T76">
                      <a:pos x="T32" y="T33"/>
                    </a:cxn>
                    <a:cxn ang="T77">
                      <a:pos x="T34" y="T35"/>
                    </a:cxn>
                    <a:cxn ang="T78">
                      <a:pos x="T36" y="T37"/>
                    </a:cxn>
                    <a:cxn ang="T79">
                      <a:pos x="T38" y="T39"/>
                    </a:cxn>
                    <a:cxn ang="T80">
                      <a:pos x="T40" y="T41"/>
                    </a:cxn>
                    <a:cxn ang="T81">
                      <a:pos x="T42" y="T43"/>
                    </a:cxn>
                    <a:cxn ang="T82">
                      <a:pos x="T44" y="T45"/>
                    </a:cxn>
                    <a:cxn ang="T83">
                      <a:pos x="T46" y="T47"/>
                    </a:cxn>
                    <a:cxn ang="T84">
                      <a:pos x="T48" y="T49"/>
                    </a:cxn>
                    <a:cxn ang="T85">
                      <a:pos x="T50" y="T51"/>
                    </a:cxn>
                    <a:cxn ang="T86">
                      <a:pos x="T52" y="T53"/>
                    </a:cxn>
                    <a:cxn ang="T87">
                      <a:pos x="T54" y="T55"/>
                    </a:cxn>
                    <a:cxn ang="T88">
                      <a:pos x="T56" y="T57"/>
                    </a:cxn>
                    <a:cxn ang="T89">
                      <a:pos x="T58" y="T59"/>
                    </a:cxn>
                  </a:cxnLst>
                  <a:rect l="0" t="0" r="r" b="b"/>
                  <a:pathLst>
                    <a:path w="81" h="191">
                      <a:moveTo>
                        <a:pt x="30" y="4"/>
                      </a:moveTo>
                      <a:lnTo>
                        <a:pt x="24" y="10"/>
                      </a:lnTo>
                      <a:lnTo>
                        <a:pt x="20" y="21"/>
                      </a:lnTo>
                      <a:lnTo>
                        <a:pt x="15" y="35"/>
                      </a:lnTo>
                      <a:lnTo>
                        <a:pt x="11" y="51"/>
                      </a:lnTo>
                      <a:lnTo>
                        <a:pt x="8" y="68"/>
                      </a:lnTo>
                      <a:lnTo>
                        <a:pt x="5" y="87"/>
                      </a:lnTo>
                      <a:lnTo>
                        <a:pt x="2" y="109"/>
                      </a:lnTo>
                      <a:lnTo>
                        <a:pt x="1" y="132"/>
                      </a:lnTo>
                      <a:lnTo>
                        <a:pt x="0" y="156"/>
                      </a:lnTo>
                      <a:lnTo>
                        <a:pt x="0" y="175"/>
                      </a:lnTo>
                      <a:lnTo>
                        <a:pt x="16" y="184"/>
                      </a:lnTo>
                      <a:lnTo>
                        <a:pt x="34" y="189"/>
                      </a:lnTo>
                      <a:lnTo>
                        <a:pt x="53" y="191"/>
                      </a:lnTo>
                      <a:lnTo>
                        <a:pt x="70" y="190"/>
                      </a:lnTo>
                      <a:lnTo>
                        <a:pt x="81" y="188"/>
                      </a:lnTo>
                      <a:lnTo>
                        <a:pt x="81" y="181"/>
                      </a:lnTo>
                      <a:lnTo>
                        <a:pt x="81" y="156"/>
                      </a:lnTo>
                      <a:lnTo>
                        <a:pt x="80" y="132"/>
                      </a:lnTo>
                      <a:lnTo>
                        <a:pt x="79" y="109"/>
                      </a:lnTo>
                      <a:lnTo>
                        <a:pt x="77" y="87"/>
                      </a:lnTo>
                      <a:lnTo>
                        <a:pt x="73" y="68"/>
                      </a:lnTo>
                      <a:lnTo>
                        <a:pt x="70" y="51"/>
                      </a:lnTo>
                      <a:lnTo>
                        <a:pt x="66" y="35"/>
                      </a:lnTo>
                      <a:lnTo>
                        <a:pt x="61" y="21"/>
                      </a:lnTo>
                      <a:lnTo>
                        <a:pt x="57" y="10"/>
                      </a:lnTo>
                      <a:lnTo>
                        <a:pt x="52" y="2"/>
                      </a:lnTo>
                      <a:lnTo>
                        <a:pt x="50" y="0"/>
                      </a:lnTo>
                      <a:lnTo>
                        <a:pt x="32" y="4"/>
                      </a:lnTo>
                      <a:lnTo>
                        <a:pt x="30" y="4"/>
                      </a:lnTo>
                      <a:close/>
                    </a:path>
                  </a:pathLst>
                </a:custGeom>
                <a:solidFill>
                  <a:srgbClr val="FFC891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7" name="Freeform 106">
                  <a:extLst>
                    <a:ext uri="{FF2B5EF4-FFF2-40B4-BE49-F238E27FC236}">
                      <a16:creationId xmlns:a16="http://schemas.microsoft.com/office/drawing/2014/main" id="{A53C746B-4B92-4B5D-816C-0FA4FFCE21B8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71"/>
                  <a:ext cx="41" cy="82"/>
                </a:xfrm>
                <a:custGeom>
                  <a:avLst/>
                  <a:gdLst>
                    <a:gd name="T0" fmla="*/ 1 w 81"/>
                    <a:gd name="T1" fmla="*/ 1 h 164"/>
                    <a:gd name="T2" fmla="*/ 1 w 81"/>
                    <a:gd name="T3" fmla="*/ 1 h 164"/>
                    <a:gd name="T4" fmla="*/ 1 w 81"/>
                    <a:gd name="T5" fmla="*/ 1 h 164"/>
                    <a:gd name="T6" fmla="*/ 1 w 81"/>
                    <a:gd name="T7" fmla="*/ 1 h 164"/>
                    <a:gd name="T8" fmla="*/ 1 w 81"/>
                    <a:gd name="T9" fmla="*/ 1 h 164"/>
                    <a:gd name="T10" fmla="*/ 1 w 81"/>
                    <a:gd name="T11" fmla="*/ 1 h 164"/>
                    <a:gd name="T12" fmla="*/ 1 w 81"/>
                    <a:gd name="T13" fmla="*/ 1 h 164"/>
                    <a:gd name="T14" fmla="*/ 1 w 81"/>
                    <a:gd name="T15" fmla="*/ 1 h 164"/>
                    <a:gd name="T16" fmla="*/ 0 w 81"/>
                    <a:gd name="T17" fmla="*/ 1 h 164"/>
                    <a:gd name="T18" fmla="*/ 1 w 81"/>
                    <a:gd name="T19" fmla="*/ 1 h 164"/>
                    <a:gd name="T20" fmla="*/ 1 w 81"/>
                    <a:gd name="T21" fmla="*/ 1 h 164"/>
                    <a:gd name="T22" fmla="*/ 1 w 81"/>
                    <a:gd name="T23" fmla="*/ 1 h 164"/>
                    <a:gd name="T24" fmla="*/ 1 w 81"/>
                    <a:gd name="T25" fmla="*/ 1 h 164"/>
                    <a:gd name="T26" fmla="*/ 1 w 81"/>
                    <a:gd name="T27" fmla="*/ 1 h 164"/>
                    <a:gd name="T28" fmla="*/ 1 w 81"/>
                    <a:gd name="T29" fmla="*/ 1 h 164"/>
                    <a:gd name="T30" fmla="*/ 1 w 81"/>
                    <a:gd name="T31" fmla="*/ 1 h 164"/>
                    <a:gd name="T32" fmla="*/ 1 w 81"/>
                    <a:gd name="T33" fmla="*/ 1 h 164"/>
                    <a:gd name="T34" fmla="*/ 1 w 81"/>
                    <a:gd name="T35" fmla="*/ 1 h 164"/>
                    <a:gd name="T36" fmla="*/ 1 w 81"/>
                    <a:gd name="T37" fmla="*/ 1 h 164"/>
                    <a:gd name="T38" fmla="*/ 1 w 81"/>
                    <a:gd name="T39" fmla="*/ 1 h 164"/>
                    <a:gd name="T40" fmla="*/ 1 w 81"/>
                    <a:gd name="T41" fmla="*/ 1 h 164"/>
                    <a:gd name="T42" fmla="*/ 1 w 81"/>
                    <a:gd name="T43" fmla="*/ 1 h 164"/>
                    <a:gd name="T44" fmla="*/ 1 w 81"/>
                    <a:gd name="T45" fmla="*/ 1 h 164"/>
                    <a:gd name="T46" fmla="*/ 1 w 81"/>
                    <a:gd name="T47" fmla="*/ 1 h 164"/>
                    <a:gd name="T48" fmla="*/ 1 w 81"/>
                    <a:gd name="T49" fmla="*/ 0 h 164"/>
                    <a:gd name="T50" fmla="*/ 1 w 81"/>
                    <a:gd name="T51" fmla="*/ 1 h 164"/>
                    <a:gd name="T52" fmla="*/ 1 w 81"/>
                    <a:gd name="T53" fmla="*/ 1 h 164"/>
                    <a:gd name="T54" fmla="*/ 1 w 81"/>
                    <a:gd name="T55" fmla="*/ 1 h 164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</a:gdLst>
                  <a:ahLst/>
                  <a:cxnLst>
                    <a:cxn ang="T56">
                      <a:pos x="T0" y="T1"/>
                    </a:cxn>
                    <a:cxn ang="T57">
                      <a:pos x="T2" y="T3"/>
                    </a:cxn>
                    <a:cxn ang="T58">
                      <a:pos x="T4" y="T5"/>
                    </a:cxn>
                    <a:cxn ang="T59">
                      <a:pos x="T6" y="T7"/>
                    </a:cxn>
                    <a:cxn ang="T60">
                      <a:pos x="T8" y="T9"/>
                    </a:cxn>
                    <a:cxn ang="T61">
                      <a:pos x="T10" y="T11"/>
                    </a:cxn>
                    <a:cxn ang="T62">
                      <a:pos x="T12" y="T13"/>
                    </a:cxn>
                    <a:cxn ang="T63">
                      <a:pos x="T14" y="T15"/>
                    </a:cxn>
                    <a:cxn ang="T64">
                      <a:pos x="T16" y="T17"/>
                    </a:cxn>
                    <a:cxn ang="T65">
                      <a:pos x="T18" y="T19"/>
                    </a:cxn>
                    <a:cxn ang="T66">
                      <a:pos x="T20" y="T21"/>
                    </a:cxn>
                    <a:cxn ang="T67">
                      <a:pos x="T22" y="T23"/>
                    </a:cxn>
                    <a:cxn ang="T68">
                      <a:pos x="T24" y="T25"/>
                    </a:cxn>
                    <a:cxn ang="T69">
                      <a:pos x="T26" y="T27"/>
                    </a:cxn>
                    <a:cxn ang="T70">
                      <a:pos x="T28" y="T29"/>
                    </a:cxn>
                    <a:cxn ang="T71">
                      <a:pos x="T30" y="T31"/>
                    </a:cxn>
                    <a:cxn ang="T72">
                      <a:pos x="T32" y="T33"/>
                    </a:cxn>
                    <a:cxn ang="T73">
                      <a:pos x="T34" y="T35"/>
                    </a:cxn>
                    <a:cxn ang="T74">
                      <a:pos x="T36" y="T37"/>
                    </a:cxn>
                    <a:cxn ang="T75">
                      <a:pos x="T38" y="T39"/>
                    </a:cxn>
                    <a:cxn ang="T76">
                      <a:pos x="T40" y="T41"/>
                    </a:cxn>
                    <a:cxn ang="T77">
                      <a:pos x="T42" y="T43"/>
                    </a:cxn>
                    <a:cxn ang="T78">
                      <a:pos x="T44" y="T45"/>
                    </a:cxn>
                    <a:cxn ang="T79">
                      <a:pos x="T46" y="T47"/>
                    </a:cxn>
                    <a:cxn ang="T80">
                      <a:pos x="T48" y="T49"/>
                    </a:cxn>
                    <a:cxn ang="T81">
                      <a:pos x="T50" y="T51"/>
                    </a:cxn>
                    <a:cxn ang="T82">
                      <a:pos x="T52" y="T53"/>
                    </a:cxn>
                    <a:cxn ang="T83">
                      <a:pos x="T54" y="T55"/>
                    </a:cxn>
                  </a:cxnLst>
                  <a:rect l="0" t="0" r="r" b="b"/>
                  <a:pathLst>
                    <a:path w="81" h="164">
                      <a:moveTo>
                        <a:pt x="21" y="6"/>
                      </a:moveTo>
                      <a:lnTo>
                        <a:pt x="20" y="7"/>
                      </a:lnTo>
                      <a:lnTo>
                        <a:pt x="15" y="21"/>
                      </a:lnTo>
                      <a:lnTo>
                        <a:pt x="11" y="37"/>
                      </a:lnTo>
                      <a:lnTo>
                        <a:pt x="8" y="54"/>
                      </a:lnTo>
                      <a:lnTo>
                        <a:pt x="5" y="73"/>
                      </a:lnTo>
                      <a:lnTo>
                        <a:pt x="2" y="95"/>
                      </a:lnTo>
                      <a:lnTo>
                        <a:pt x="1" y="118"/>
                      </a:lnTo>
                      <a:lnTo>
                        <a:pt x="0" y="142"/>
                      </a:lnTo>
                      <a:lnTo>
                        <a:pt x="1" y="144"/>
                      </a:lnTo>
                      <a:lnTo>
                        <a:pt x="14" y="154"/>
                      </a:lnTo>
                      <a:lnTo>
                        <a:pt x="29" y="161"/>
                      </a:lnTo>
                      <a:lnTo>
                        <a:pt x="44" y="164"/>
                      </a:lnTo>
                      <a:lnTo>
                        <a:pt x="60" y="164"/>
                      </a:lnTo>
                      <a:lnTo>
                        <a:pt x="76" y="162"/>
                      </a:lnTo>
                      <a:lnTo>
                        <a:pt x="81" y="161"/>
                      </a:lnTo>
                      <a:lnTo>
                        <a:pt x="81" y="142"/>
                      </a:lnTo>
                      <a:lnTo>
                        <a:pt x="80" y="118"/>
                      </a:lnTo>
                      <a:lnTo>
                        <a:pt x="79" y="95"/>
                      </a:lnTo>
                      <a:lnTo>
                        <a:pt x="77" y="73"/>
                      </a:lnTo>
                      <a:lnTo>
                        <a:pt x="73" y="54"/>
                      </a:lnTo>
                      <a:lnTo>
                        <a:pt x="70" y="37"/>
                      </a:lnTo>
                      <a:lnTo>
                        <a:pt x="66" y="21"/>
                      </a:lnTo>
                      <a:lnTo>
                        <a:pt x="61" y="7"/>
                      </a:lnTo>
                      <a:lnTo>
                        <a:pt x="59" y="0"/>
                      </a:lnTo>
                      <a:lnTo>
                        <a:pt x="43" y="1"/>
                      </a:lnTo>
                      <a:lnTo>
                        <a:pt x="28" y="5"/>
                      </a:lnTo>
                      <a:lnTo>
                        <a:pt x="21" y="6"/>
                      </a:lnTo>
                      <a:close/>
                    </a:path>
                  </a:pathLst>
                </a:custGeom>
                <a:solidFill>
                  <a:srgbClr val="FFD0A3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8" name="Freeform 107">
                  <a:extLst>
                    <a:ext uri="{FF2B5EF4-FFF2-40B4-BE49-F238E27FC236}">
                      <a16:creationId xmlns:a16="http://schemas.microsoft.com/office/drawing/2014/main" id="{719BC787-F07F-42A7-A502-177B79C9AC65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4" y="2678"/>
                  <a:ext cx="40" cy="68"/>
                </a:xfrm>
                <a:custGeom>
                  <a:avLst/>
                  <a:gdLst>
                    <a:gd name="T0" fmla="*/ 1 w 80"/>
                    <a:gd name="T1" fmla="*/ 0 h 138"/>
                    <a:gd name="T2" fmla="*/ 1 w 80"/>
                    <a:gd name="T3" fmla="*/ 0 h 138"/>
                    <a:gd name="T4" fmla="*/ 1 w 80"/>
                    <a:gd name="T5" fmla="*/ 0 h 138"/>
                    <a:gd name="T6" fmla="*/ 1 w 80"/>
                    <a:gd name="T7" fmla="*/ 0 h 138"/>
                    <a:gd name="T8" fmla="*/ 1 w 80"/>
                    <a:gd name="T9" fmla="*/ 0 h 138"/>
                    <a:gd name="T10" fmla="*/ 0 w 80"/>
                    <a:gd name="T11" fmla="*/ 0 h 138"/>
                    <a:gd name="T12" fmla="*/ 0 w 80"/>
                    <a:gd name="T13" fmla="*/ 0 h 138"/>
                    <a:gd name="T14" fmla="*/ 1 w 80"/>
                    <a:gd name="T15" fmla="*/ 0 h 138"/>
                    <a:gd name="T16" fmla="*/ 1 w 80"/>
                    <a:gd name="T17" fmla="*/ 0 h 138"/>
                    <a:gd name="T18" fmla="*/ 1 w 80"/>
                    <a:gd name="T19" fmla="*/ 0 h 138"/>
                    <a:gd name="T20" fmla="*/ 1 w 80"/>
                    <a:gd name="T21" fmla="*/ 0 h 138"/>
                    <a:gd name="T22" fmla="*/ 1 w 80"/>
                    <a:gd name="T23" fmla="*/ 0 h 138"/>
                    <a:gd name="T24" fmla="*/ 1 w 80"/>
                    <a:gd name="T25" fmla="*/ 0 h 138"/>
                    <a:gd name="T26" fmla="*/ 1 w 80"/>
                    <a:gd name="T27" fmla="*/ 0 h 138"/>
                    <a:gd name="T28" fmla="*/ 1 w 80"/>
                    <a:gd name="T29" fmla="*/ 0 h 138"/>
                    <a:gd name="T30" fmla="*/ 1 w 80"/>
                    <a:gd name="T31" fmla="*/ 0 h 138"/>
                    <a:gd name="T32" fmla="*/ 1 w 80"/>
                    <a:gd name="T33" fmla="*/ 0 h 138"/>
                    <a:gd name="T34" fmla="*/ 1 w 80"/>
                    <a:gd name="T35" fmla="*/ 0 h 138"/>
                    <a:gd name="T36" fmla="*/ 1 w 80"/>
                    <a:gd name="T37" fmla="*/ 0 h 138"/>
                    <a:gd name="T38" fmla="*/ 1 w 80"/>
                    <a:gd name="T39" fmla="*/ 0 h 138"/>
                    <a:gd name="T40" fmla="*/ 1 w 80"/>
                    <a:gd name="T41" fmla="*/ 0 h 138"/>
                    <a:gd name="T42" fmla="*/ 1 w 80"/>
                    <a:gd name="T43" fmla="*/ 0 h 138"/>
                    <a:gd name="T44" fmla="*/ 1 w 80"/>
                    <a:gd name="T45" fmla="*/ 0 h 138"/>
                    <a:gd name="T46" fmla="*/ 1 w 80"/>
                    <a:gd name="T47" fmla="*/ 0 h 138"/>
                    <a:gd name="T48" fmla="*/ 1 w 80"/>
                    <a:gd name="T49" fmla="*/ 0 h 138"/>
                    <a:gd name="T50" fmla="*/ 1 w 80"/>
                    <a:gd name="T51" fmla="*/ 0 h 138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</a:gdLst>
                  <a:ahLst/>
                  <a:cxnLst>
                    <a:cxn ang="T52">
                      <a:pos x="T0" y="T1"/>
                    </a:cxn>
                    <a:cxn ang="T53">
                      <a:pos x="T2" y="T3"/>
                    </a:cxn>
                    <a:cxn ang="T54">
                      <a:pos x="T4" y="T5"/>
                    </a:cxn>
                    <a:cxn ang="T55">
                      <a:pos x="T6" y="T7"/>
                    </a:cxn>
                    <a:cxn ang="T56">
                      <a:pos x="T8" y="T9"/>
                    </a:cxn>
                    <a:cxn ang="T57">
                      <a:pos x="T10" y="T11"/>
                    </a:cxn>
                    <a:cxn ang="T58">
                      <a:pos x="T12" y="T13"/>
                    </a:cxn>
                    <a:cxn ang="T59">
                      <a:pos x="T14" y="T15"/>
                    </a:cxn>
                    <a:cxn ang="T60">
                      <a:pos x="T16" y="T17"/>
                    </a:cxn>
                    <a:cxn ang="T61">
                      <a:pos x="T18" y="T19"/>
                    </a:cxn>
                    <a:cxn ang="T62">
                      <a:pos x="T20" y="T21"/>
                    </a:cxn>
                    <a:cxn ang="T63">
                      <a:pos x="T22" y="T23"/>
                    </a:cxn>
                    <a:cxn ang="T64">
                      <a:pos x="T24" y="T25"/>
                    </a:cxn>
                    <a:cxn ang="T65">
                      <a:pos x="T26" y="T27"/>
                    </a:cxn>
                    <a:cxn ang="T66">
                      <a:pos x="T28" y="T29"/>
                    </a:cxn>
                    <a:cxn ang="T67">
                      <a:pos x="T30" y="T31"/>
                    </a:cxn>
                    <a:cxn ang="T68">
                      <a:pos x="T32" y="T33"/>
                    </a:cxn>
                    <a:cxn ang="T69">
                      <a:pos x="T34" y="T35"/>
                    </a:cxn>
                    <a:cxn ang="T70">
                      <a:pos x="T36" y="T37"/>
                    </a:cxn>
                    <a:cxn ang="T71">
                      <a:pos x="T38" y="T39"/>
                    </a:cxn>
                    <a:cxn ang="T72">
                      <a:pos x="T40" y="T41"/>
                    </a:cxn>
                    <a:cxn ang="T73">
                      <a:pos x="T42" y="T43"/>
                    </a:cxn>
                    <a:cxn ang="T74">
                      <a:pos x="T44" y="T45"/>
                    </a:cxn>
                    <a:cxn ang="T75">
                      <a:pos x="T46" y="T47"/>
                    </a:cxn>
                    <a:cxn ang="T76">
                      <a:pos x="T48" y="T49"/>
                    </a:cxn>
                    <a:cxn ang="T77">
                      <a:pos x="T50" y="T51"/>
                    </a:cxn>
                  </a:cxnLst>
                  <a:rect l="0" t="0" r="r" b="b"/>
                  <a:pathLst>
                    <a:path w="80" h="138">
                      <a:moveTo>
                        <a:pt x="13" y="12"/>
                      </a:moveTo>
                      <a:lnTo>
                        <a:pt x="10" y="24"/>
                      </a:lnTo>
                      <a:lnTo>
                        <a:pt x="7" y="41"/>
                      </a:lnTo>
                      <a:lnTo>
                        <a:pt x="4" y="60"/>
                      </a:lnTo>
                      <a:lnTo>
                        <a:pt x="1" y="82"/>
                      </a:lnTo>
                      <a:lnTo>
                        <a:pt x="0" y="105"/>
                      </a:lnTo>
                      <a:lnTo>
                        <a:pt x="0" y="112"/>
                      </a:lnTo>
                      <a:lnTo>
                        <a:pt x="9" y="122"/>
                      </a:lnTo>
                      <a:lnTo>
                        <a:pt x="20" y="130"/>
                      </a:lnTo>
                      <a:lnTo>
                        <a:pt x="32" y="135"/>
                      </a:lnTo>
                      <a:lnTo>
                        <a:pt x="46" y="138"/>
                      </a:lnTo>
                      <a:lnTo>
                        <a:pt x="58" y="138"/>
                      </a:lnTo>
                      <a:lnTo>
                        <a:pt x="71" y="135"/>
                      </a:lnTo>
                      <a:lnTo>
                        <a:pt x="80" y="133"/>
                      </a:lnTo>
                      <a:lnTo>
                        <a:pt x="80" y="129"/>
                      </a:lnTo>
                      <a:lnTo>
                        <a:pt x="79" y="105"/>
                      </a:lnTo>
                      <a:lnTo>
                        <a:pt x="78" y="82"/>
                      </a:lnTo>
                      <a:lnTo>
                        <a:pt x="76" y="60"/>
                      </a:lnTo>
                      <a:lnTo>
                        <a:pt x="72" y="41"/>
                      </a:lnTo>
                      <a:lnTo>
                        <a:pt x="69" y="24"/>
                      </a:lnTo>
                      <a:lnTo>
                        <a:pt x="65" y="8"/>
                      </a:lnTo>
                      <a:lnTo>
                        <a:pt x="62" y="0"/>
                      </a:lnTo>
                      <a:lnTo>
                        <a:pt x="49" y="1"/>
                      </a:lnTo>
                      <a:lnTo>
                        <a:pt x="36" y="3"/>
                      </a:lnTo>
                      <a:lnTo>
                        <a:pt x="23" y="8"/>
                      </a:lnTo>
                      <a:lnTo>
                        <a:pt x="13" y="12"/>
                      </a:lnTo>
                      <a:close/>
                    </a:path>
                  </a:pathLst>
                </a:custGeom>
                <a:solidFill>
                  <a:srgbClr val="FFD6A9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69" name="Freeform 108">
                  <a:extLst>
                    <a:ext uri="{FF2B5EF4-FFF2-40B4-BE49-F238E27FC236}">
                      <a16:creationId xmlns:a16="http://schemas.microsoft.com/office/drawing/2014/main" id="{555C73B6-BCCD-48F5-96DD-A98C98BE3CC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4" y="2685"/>
                  <a:ext cx="40" cy="54"/>
                </a:xfrm>
                <a:custGeom>
                  <a:avLst/>
                  <a:gdLst>
                    <a:gd name="T0" fmla="*/ 1 w 79"/>
                    <a:gd name="T1" fmla="*/ 1 h 107"/>
                    <a:gd name="T2" fmla="*/ 1 w 79"/>
                    <a:gd name="T3" fmla="*/ 1 h 107"/>
                    <a:gd name="T4" fmla="*/ 1 w 79"/>
                    <a:gd name="T5" fmla="*/ 1 h 107"/>
                    <a:gd name="T6" fmla="*/ 0 w 79"/>
                    <a:gd name="T7" fmla="*/ 1 h 107"/>
                    <a:gd name="T8" fmla="*/ 1 w 79"/>
                    <a:gd name="T9" fmla="*/ 1 h 107"/>
                    <a:gd name="T10" fmla="*/ 1 w 79"/>
                    <a:gd name="T11" fmla="*/ 1 h 107"/>
                    <a:gd name="T12" fmla="*/ 1 w 79"/>
                    <a:gd name="T13" fmla="*/ 1 h 107"/>
                    <a:gd name="T14" fmla="*/ 1 w 79"/>
                    <a:gd name="T15" fmla="*/ 1 h 107"/>
                    <a:gd name="T16" fmla="*/ 1 w 79"/>
                    <a:gd name="T17" fmla="*/ 1 h 107"/>
                    <a:gd name="T18" fmla="*/ 1 w 79"/>
                    <a:gd name="T19" fmla="*/ 1 h 107"/>
                    <a:gd name="T20" fmla="*/ 1 w 79"/>
                    <a:gd name="T21" fmla="*/ 1 h 107"/>
                    <a:gd name="T22" fmla="*/ 1 w 79"/>
                    <a:gd name="T23" fmla="*/ 1 h 107"/>
                    <a:gd name="T24" fmla="*/ 1 w 79"/>
                    <a:gd name="T25" fmla="*/ 1 h 107"/>
                    <a:gd name="T26" fmla="*/ 1 w 79"/>
                    <a:gd name="T27" fmla="*/ 1 h 107"/>
                    <a:gd name="T28" fmla="*/ 1 w 79"/>
                    <a:gd name="T29" fmla="*/ 1 h 107"/>
                    <a:gd name="T30" fmla="*/ 1 w 79"/>
                    <a:gd name="T31" fmla="*/ 1 h 107"/>
                    <a:gd name="T32" fmla="*/ 1 w 79"/>
                    <a:gd name="T33" fmla="*/ 1 h 107"/>
                    <a:gd name="T34" fmla="*/ 1 w 79"/>
                    <a:gd name="T35" fmla="*/ 1 h 107"/>
                    <a:gd name="T36" fmla="*/ 1 w 79"/>
                    <a:gd name="T37" fmla="*/ 1 h 107"/>
                    <a:gd name="T38" fmla="*/ 1 w 79"/>
                    <a:gd name="T39" fmla="*/ 1 h 107"/>
                    <a:gd name="T40" fmla="*/ 1 w 79"/>
                    <a:gd name="T41" fmla="*/ 0 h 107"/>
                    <a:gd name="T42" fmla="*/ 1 w 79"/>
                    <a:gd name="T43" fmla="*/ 0 h 107"/>
                    <a:gd name="T44" fmla="*/ 1 w 79"/>
                    <a:gd name="T45" fmla="*/ 0 h 107"/>
                    <a:gd name="T46" fmla="*/ 1 w 79"/>
                    <a:gd name="T47" fmla="*/ 1 h 107"/>
                    <a:gd name="T48" fmla="*/ 1 w 79"/>
                    <a:gd name="T49" fmla="*/ 1 h 107"/>
                    <a:gd name="T50" fmla="*/ 1 w 79"/>
                    <a:gd name="T51" fmla="*/ 1 h 107"/>
                    <a:gd name="T52" fmla="*/ 1 w 79"/>
                    <a:gd name="T53" fmla="*/ 1 h 107"/>
                    <a:gd name="T54" fmla="*/ 1 w 79"/>
                    <a:gd name="T55" fmla="*/ 1 h 107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</a:gdLst>
                  <a:ahLst/>
                  <a:cxnLst>
                    <a:cxn ang="T56">
                      <a:pos x="T0" y="T1"/>
                    </a:cxn>
                    <a:cxn ang="T57">
                      <a:pos x="T2" y="T3"/>
                    </a:cxn>
                    <a:cxn ang="T58">
                      <a:pos x="T4" y="T5"/>
                    </a:cxn>
                    <a:cxn ang="T59">
                      <a:pos x="T6" y="T7"/>
                    </a:cxn>
                    <a:cxn ang="T60">
                      <a:pos x="T8" y="T9"/>
                    </a:cxn>
                    <a:cxn ang="T61">
                      <a:pos x="T10" y="T11"/>
                    </a:cxn>
                    <a:cxn ang="T62">
                      <a:pos x="T12" y="T13"/>
                    </a:cxn>
                    <a:cxn ang="T63">
                      <a:pos x="T14" y="T15"/>
                    </a:cxn>
                    <a:cxn ang="T64">
                      <a:pos x="T16" y="T17"/>
                    </a:cxn>
                    <a:cxn ang="T65">
                      <a:pos x="T18" y="T19"/>
                    </a:cxn>
                    <a:cxn ang="T66">
                      <a:pos x="T20" y="T21"/>
                    </a:cxn>
                    <a:cxn ang="T67">
                      <a:pos x="T22" y="T23"/>
                    </a:cxn>
                    <a:cxn ang="T68">
                      <a:pos x="T24" y="T25"/>
                    </a:cxn>
                    <a:cxn ang="T69">
                      <a:pos x="T26" y="T27"/>
                    </a:cxn>
                    <a:cxn ang="T70">
                      <a:pos x="T28" y="T29"/>
                    </a:cxn>
                    <a:cxn ang="T71">
                      <a:pos x="T30" y="T31"/>
                    </a:cxn>
                    <a:cxn ang="T72">
                      <a:pos x="T32" y="T33"/>
                    </a:cxn>
                    <a:cxn ang="T73">
                      <a:pos x="T34" y="T35"/>
                    </a:cxn>
                    <a:cxn ang="T74">
                      <a:pos x="T36" y="T37"/>
                    </a:cxn>
                    <a:cxn ang="T75">
                      <a:pos x="T38" y="T39"/>
                    </a:cxn>
                    <a:cxn ang="T76">
                      <a:pos x="T40" y="T41"/>
                    </a:cxn>
                    <a:cxn ang="T77">
                      <a:pos x="T42" y="T43"/>
                    </a:cxn>
                    <a:cxn ang="T78">
                      <a:pos x="T44" y="T45"/>
                    </a:cxn>
                    <a:cxn ang="T79">
                      <a:pos x="T46" y="T47"/>
                    </a:cxn>
                    <a:cxn ang="T80">
                      <a:pos x="T48" y="T49"/>
                    </a:cxn>
                    <a:cxn ang="T81">
                      <a:pos x="T50" y="T51"/>
                    </a:cxn>
                    <a:cxn ang="T82">
                      <a:pos x="T52" y="T53"/>
                    </a:cxn>
                    <a:cxn ang="T83">
                      <a:pos x="T54" y="T55"/>
                    </a:cxn>
                  </a:cxnLst>
                  <a:rect l="0" t="0" r="r" b="b"/>
                  <a:pathLst>
                    <a:path w="79" h="107">
                      <a:moveTo>
                        <a:pt x="7" y="24"/>
                      </a:moveTo>
                      <a:lnTo>
                        <a:pt x="6" y="25"/>
                      </a:lnTo>
                      <a:lnTo>
                        <a:pt x="3" y="44"/>
                      </a:lnTo>
                      <a:lnTo>
                        <a:pt x="0" y="66"/>
                      </a:lnTo>
                      <a:lnTo>
                        <a:pt x="1" y="68"/>
                      </a:lnTo>
                      <a:lnTo>
                        <a:pt x="4" y="78"/>
                      </a:lnTo>
                      <a:lnTo>
                        <a:pt x="10" y="87"/>
                      </a:lnTo>
                      <a:lnTo>
                        <a:pt x="18" y="95"/>
                      </a:lnTo>
                      <a:lnTo>
                        <a:pt x="27" y="100"/>
                      </a:lnTo>
                      <a:lnTo>
                        <a:pt x="36" y="105"/>
                      </a:lnTo>
                      <a:lnTo>
                        <a:pt x="47" y="107"/>
                      </a:lnTo>
                      <a:lnTo>
                        <a:pt x="56" y="107"/>
                      </a:lnTo>
                      <a:lnTo>
                        <a:pt x="67" y="106"/>
                      </a:lnTo>
                      <a:lnTo>
                        <a:pt x="77" y="101"/>
                      </a:lnTo>
                      <a:lnTo>
                        <a:pt x="79" y="100"/>
                      </a:lnTo>
                      <a:lnTo>
                        <a:pt x="78" y="89"/>
                      </a:lnTo>
                      <a:lnTo>
                        <a:pt x="77" y="66"/>
                      </a:lnTo>
                      <a:lnTo>
                        <a:pt x="75" y="44"/>
                      </a:lnTo>
                      <a:lnTo>
                        <a:pt x="71" y="25"/>
                      </a:lnTo>
                      <a:lnTo>
                        <a:pt x="68" y="8"/>
                      </a:lnTo>
                      <a:lnTo>
                        <a:pt x="67" y="0"/>
                      </a:lnTo>
                      <a:lnTo>
                        <a:pt x="56" y="0"/>
                      </a:lnTo>
                      <a:lnTo>
                        <a:pt x="46" y="0"/>
                      </a:lnTo>
                      <a:lnTo>
                        <a:pt x="36" y="2"/>
                      </a:lnTo>
                      <a:lnTo>
                        <a:pt x="26" y="6"/>
                      </a:lnTo>
                      <a:lnTo>
                        <a:pt x="17" y="13"/>
                      </a:lnTo>
                      <a:lnTo>
                        <a:pt x="10" y="21"/>
                      </a:lnTo>
                      <a:lnTo>
                        <a:pt x="7" y="24"/>
                      </a:lnTo>
                      <a:close/>
                    </a:path>
                  </a:pathLst>
                </a:custGeom>
                <a:solidFill>
                  <a:srgbClr val="FFDCA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0" name="Freeform 109">
                  <a:extLst>
                    <a:ext uri="{FF2B5EF4-FFF2-40B4-BE49-F238E27FC236}">
                      <a16:creationId xmlns:a16="http://schemas.microsoft.com/office/drawing/2014/main" id="{35BA1FF1-9FD6-4204-BBEB-E35A6F236C2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91" y="2692"/>
                  <a:ext cx="33" cy="40"/>
                </a:xfrm>
                <a:custGeom>
                  <a:avLst/>
                  <a:gdLst>
                    <a:gd name="T0" fmla="*/ 1 w 66"/>
                    <a:gd name="T1" fmla="*/ 0 h 81"/>
                    <a:gd name="T2" fmla="*/ 1 w 66"/>
                    <a:gd name="T3" fmla="*/ 0 h 81"/>
                    <a:gd name="T4" fmla="*/ 1 w 66"/>
                    <a:gd name="T5" fmla="*/ 0 h 81"/>
                    <a:gd name="T6" fmla="*/ 1 w 66"/>
                    <a:gd name="T7" fmla="*/ 0 h 81"/>
                    <a:gd name="T8" fmla="*/ 1 w 66"/>
                    <a:gd name="T9" fmla="*/ 0 h 81"/>
                    <a:gd name="T10" fmla="*/ 1 w 66"/>
                    <a:gd name="T11" fmla="*/ 0 h 81"/>
                    <a:gd name="T12" fmla="*/ 1 w 66"/>
                    <a:gd name="T13" fmla="*/ 0 h 81"/>
                    <a:gd name="T14" fmla="*/ 1 w 66"/>
                    <a:gd name="T15" fmla="*/ 0 h 81"/>
                    <a:gd name="T16" fmla="*/ 1 w 66"/>
                    <a:gd name="T17" fmla="*/ 0 h 81"/>
                    <a:gd name="T18" fmla="*/ 1 w 66"/>
                    <a:gd name="T19" fmla="*/ 0 h 81"/>
                    <a:gd name="T20" fmla="*/ 1 w 66"/>
                    <a:gd name="T21" fmla="*/ 0 h 81"/>
                    <a:gd name="T22" fmla="*/ 1 w 66"/>
                    <a:gd name="T23" fmla="*/ 0 h 81"/>
                    <a:gd name="T24" fmla="*/ 1 w 66"/>
                    <a:gd name="T25" fmla="*/ 0 h 81"/>
                    <a:gd name="T26" fmla="*/ 1 w 66"/>
                    <a:gd name="T27" fmla="*/ 0 h 81"/>
                    <a:gd name="T28" fmla="*/ 1 w 66"/>
                    <a:gd name="T29" fmla="*/ 0 h 81"/>
                    <a:gd name="T30" fmla="*/ 0 w 66"/>
                    <a:gd name="T31" fmla="*/ 0 h 81"/>
                    <a:gd name="T32" fmla="*/ 0 w 66"/>
                    <a:gd name="T33" fmla="*/ 0 h 81"/>
                    <a:gd name="T34" fmla="*/ 1 w 66"/>
                    <a:gd name="T35" fmla="*/ 0 h 81"/>
                    <a:gd name="T36" fmla="*/ 1 w 66"/>
                    <a:gd name="T37" fmla="*/ 0 h 81"/>
                    <a:gd name="T38" fmla="*/ 1 w 66"/>
                    <a:gd name="T39" fmla="*/ 0 h 81"/>
                    <a:gd name="T40" fmla="*/ 1 w 66"/>
                    <a:gd name="T41" fmla="*/ 0 h 81"/>
                    <a:gd name="T42" fmla="*/ 1 w 66"/>
                    <a:gd name="T43" fmla="*/ 0 h 81"/>
                    <a:gd name="T44" fmla="*/ 1 w 66"/>
                    <a:gd name="T45" fmla="*/ 0 h 81"/>
                    <a:gd name="T46" fmla="*/ 1 w 66"/>
                    <a:gd name="T47" fmla="*/ 0 h 81"/>
                    <a:gd name="T48" fmla="*/ 1 w 66"/>
                    <a:gd name="T49" fmla="*/ 0 h 81"/>
                    <a:gd name="T50" fmla="*/ 1 w 66"/>
                    <a:gd name="T51" fmla="*/ 0 h 81"/>
                    <a:gd name="T52" fmla="*/ 1 w 66"/>
                    <a:gd name="T53" fmla="*/ 0 h 81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</a:gdLst>
                  <a:ahLst/>
                  <a:cxnLst>
                    <a:cxn ang="T54">
                      <a:pos x="T0" y="T1"/>
                    </a:cxn>
                    <a:cxn ang="T55">
                      <a:pos x="T2" y="T3"/>
                    </a:cxn>
                    <a:cxn ang="T56">
                      <a:pos x="T4" y="T5"/>
                    </a:cxn>
                    <a:cxn ang="T57">
                      <a:pos x="T6" y="T7"/>
                    </a:cxn>
                    <a:cxn ang="T58">
                      <a:pos x="T8" y="T9"/>
                    </a:cxn>
                    <a:cxn ang="T59">
                      <a:pos x="T10" y="T11"/>
                    </a:cxn>
                    <a:cxn ang="T60">
                      <a:pos x="T12" y="T13"/>
                    </a:cxn>
                    <a:cxn ang="T61">
                      <a:pos x="T14" y="T15"/>
                    </a:cxn>
                    <a:cxn ang="T62">
                      <a:pos x="T16" y="T17"/>
                    </a:cxn>
                    <a:cxn ang="T63">
                      <a:pos x="T18" y="T19"/>
                    </a:cxn>
                    <a:cxn ang="T64">
                      <a:pos x="T20" y="T21"/>
                    </a:cxn>
                    <a:cxn ang="T65">
                      <a:pos x="T22" y="T23"/>
                    </a:cxn>
                    <a:cxn ang="T66">
                      <a:pos x="T24" y="T25"/>
                    </a:cxn>
                    <a:cxn ang="T67">
                      <a:pos x="T26" y="T27"/>
                    </a:cxn>
                    <a:cxn ang="T68">
                      <a:pos x="T28" y="T29"/>
                    </a:cxn>
                    <a:cxn ang="T69">
                      <a:pos x="T30" y="T31"/>
                    </a:cxn>
                    <a:cxn ang="T70">
                      <a:pos x="T32" y="T33"/>
                    </a:cxn>
                    <a:cxn ang="T71">
                      <a:pos x="T34" y="T35"/>
                    </a:cxn>
                    <a:cxn ang="T72">
                      <a:pos x="T36" y="T37"/>
                    </a:cxn>
                    <a:cxn ang="T73">
                      <a:pos x="T38" y="T39"/>
                    </a:cxn>
                    <a:cxn ang="T74">
                      <a:pos x="T40" y="T41"/>
                    </a:cxn>
                    <a:cxn ang="T75">
                      <a:pos x="T42" y="T43"/>
                    </a:cxn>
                    <a:cxn ang="T76">
                      <a:pos x="T44" y="T45"/>
                    </a:cxn>
                    <a:cxn ang="T77">
                      <a:pos x="T46" y="T47"/>
                    </a:cxn>
                    <a:cxn ang="T78">
                      <a:pos x="T48" y="T49"/>
                    </a:cxn>
                    <a:cxn ang="T79">
                      <a:pos x="T50" y="T51"/>
                    </a:cxn>
                    <a:cxn ang="T80">
                      <a:pos x="T52" y="T53"/>
                    </a:cxn>
                  </a:cxnLst>
                  <a:rect l="0" t="0" r="r" b="b"/>
                  <a:pathLst>
                    <a:path w="66" h="81">
                      <a:moveTo>
                        <a:pt x="58" y="2"/>
                      </a:moveTo>
                      <a:lnTo>
                        <a:pt x="59" y="12"/>
                      </a:lnTo>
                      <a:lnTo>
                        <a:pt x="63" y="31"/>
                      </a:lnTo>
                      <a:lnTo>
                        <a:pt x="65" y="53"/>
                      </a:lnTo>
                      <a:lnTo>
                        <a:pt x="66" y="73"/>
                      </a:lnTo>
                      <a:lnTo>
                        <a:pt x="58" y="76"/>
                      </a:lnTo>
                      <a:lnTo>
                        <a:pt x="52" y="80"/>
                      </a:lnTo>
                      <a:lnTo>
                        <a:pt x="44" y="81"/>
                      </a:lnTo>
                      <a:lnTo>
                        <a:pt x="36" y="81"/>
                      </a:lnTo>
                      <a:lnTo>
                        <a:pt x="28" y="80"/>
                      </a:lnTo>
                      <a:lnTo>
                        <a:pt x="21" y="76"/>
                      </a:lnTo>
                      <a:lnTo>
                        <a:pt x="15" y="72"/>
                      </a:lnTo>
                      <a:lnTo>
                        <a:pt x="9" y="65"/>
                      </a:lnTo>
                      <a:lnTo>
                        <a:pt x="5" y="58"/>
                      </a:lnTo>
                      <a:lnTo>
                        <a:pt x="1" y="52"/>
                      </a:lnTo>
                      <a:lnTo>
                        <a:pt x="0" y="44"/>
                      </a:lnTo>
                      <a:lnTo>
                        <a:pt x="0" y="36"/>
                      </a:lnTo>
                      <a:lnTo>
                        <a:pt x="1" y="28"/>
                      </a:lnTo>
                      <a:lnTo>
                        <a:pt x="5" y="21"/>
                      </a:lnTo>
                      <a:lnTo>
                        <a:pt x="9" y="15"/>
                      </a:lnTo>
                      <a:lnTo>
                        <a:pt x="16" y="9"/>
                      </a:lnTo>
                      <a:lnTo>
                        <a:pt x="23" y="5"/>
                      </a:lnTo>
                      <a:lnTo>
                        <a:pt x="29" y="1"/>
                      </a:lnTo>
                      <a:lnTo>
                        <a:pt x="37" y="0"/>
                      </a:lnTo>
                      <a:lnTo>
                        <a:pt x="45" y="0"/>
                      </a:lnTo>
                      <a:lnTo>
                        <a:pt x="53" y="1"/>
                      </a:lnTo>
                      <a:lnTo>
                        <a:pt x="58" y="2"/>
                      </a:lnTo>
                      <a:close/>
                    </a:path>
                  </a:pathLst>
                </a:custGeom>
                <a:solidFill>
                  <a:srgbClr val="FFE5BD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1" name="Freeform 110">
                  <a:extLst>
                    <a:ext uri="{FF2B5EF4-FFF2-40B4-BE49-F238E27FC236}">
                      <a16:creationId xmlns:a16="http://schemas.microsoft.com/office/drawing/2014/main" id="{EC9DD6A4-BEB7-4BF8-B3F8-7F0045FDC896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97" y="2699"/>
                  <a:ext cx="27" cy="27"/>
                </a:xfrm>
                <a:custGeom>
                  <a:avLst/>
                  <a:gdLst>
                    <a:gd name="T0" fmla="*/ 1 w 52"/>
                    <a:gd name="T1" fmla="*/ 1 h 53"/>
                    <a:gd name="T2" fmla="*/ 1 w 52"/>
                    <a:gd name="T3" fmla="*/ 1 h 53"/>
                    <a:gd name="T4" fmla="*/ 1 w 52"/>
                    <a:gd name="T5" fmla="*/ 1 h 53"/>
                    <a:gd name="T6" fmla="*/ 1 w 52"/>
                    <a:gd name="T7" fmla="*/ 1 h 53"/>
                    <a:gd name="T8" fmla="*/ 1 w 52"/>
                    <a:gd name="T9" fmla="*/ 1 h 53"/>
                    <a:gd name="T10" fmla="*/ 1 w 52"/>
                    <a:gd name="T11" fmla="*/ 1 h 53"/>
                    <a:gd name="T12" fmla="*/ 1 w 52"/>
                    <a:gd name="T13" fmla="*/ 1 h 53"/>
                    <a:gd name="T14" fmla="*/ 1 w 52"/>
                    <a:gd name="T15" fmla="*/ 1 h 53"/>
                    <a:gd name="T16" fmla="*/ 1 w 52"/>
                    <a:gd name="T17" fmla="*/ 1 h 53"/>
                    <a:gd name="T18" fmla="*/ 1 w 52"/>
                    <a:gd name="T19" fmla="*/ 1 h 53"/>
                    <a:gd name="T20" fmla="*/ 1 w 52"/>
                    <a:gd name="T21" fmla="*/ 1 h 53"/>
                    <a:gd name="T22" fmla="*/ 1 w 52"/>
                    <a:gd name="T23" fmla="*/ 1 h 53"/>
                    <a:gd name="T24" fmla="*/ 1 w 52"/>
                    <a:gd name="T25" fmla="*/ 1 h 53"/>
                    <a:gd name="T26" fmla="*/ 1 w 52"/>
                    <a:gd name="T27" fmla="*/ 1 h 53"/>
                    <a:gd name="T28" fmla="*/ 1 w 52"/>
                    <a:gd name="T29" fmla="*/ 1 h 53"/>
                    <a:gd name="T30" fmla="*/ 1 w 52"/>
                    <a:gd name="T31" fmla="*/ 1 h 53"/>
                    <a:gd name="T32" fmla="*/ 0 w 52"/>
                    <a:gd name="T33" fmla="*/ 1 h 53"/>
                    <a:gd name="T34" fmla="*/ 0 w 52"/>
                    <a:gd name="T35" fmla="*/ 1 h 53"/>
                    <a:gd name="T36" fmla="*/ 0 w 52"/>
                    <a:gd name="T37" fmla="*/ 1 h 53"/>
                    <a:gd name="T38" fmla="*/ 1 w 52"/>
                    <a:gd name="T39" fmla="*/ 1 h 53"/>
                    <a:gd name="T40" fmla="*/ 1 w 52"/>
                    <a:gd name="T41" fmla="*/ 1 h 53"/>
                    <a:gd name="T42" fmla="*/ 1 w 52"/>
                    <a:gd name="T43" fmla="*/ 1 h 53"/>
                    <a:gd name="T44" fmla="*/ 1 w 52"/>
                    <a:gd name="T45" fmla="*/ 1 h 53"/>
                    <a:gd name="T46" fmla="*/ 1 w 52"/>
                    <a:gd name="T47" fmla="*/ 1 h 53"/>
                    <a:gd name="T48" fmla="*/ 1 w 52"/>
                    <a:gd name="T49" fmla="*/ 0 h 53"/>
                    <a:gd name="T50" fmla="*/ 1 w 52"/>
                    <a:gd name="T51" fmla="*/ 0 h 53"/>
                    <a:gd name="T52" fmla="*/ 1 w 52"/>
                    <a:gd name="T53" fmla="*/ 0 h 53"/>
                    <a:gd name="T54" fmla="*/ 1 w 52"/>
                    <a:gd name="T55" fmla="*/ 1 h 53"/>
                    <a:gd name="T56" fmla="*/ 1 w 52"/>
                    <a:gd name="T57" fmla="*/ 1 h 53"/>
                    <a:gd name="T58" fmla="*/ 1 w 52"/>
                    <a:gd name="T59" fmla="*/ 1 h 53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</a:gdLst>
                  <a:ahLst/>
                  <a:cxnLst>
                    <a:cxn ang="T60">
                      <a:pos x="T0" y="T1"/>
                    </a:cxn>
                    <a:cxn ang="T61">
                      <a:pos x="T2" y="T3"/>
                    </a:cxn>
                    <a:cxn ang="T62">
                      <a:pos x="T4" y="T5"/>
                    </a:cxn>
                    <a:cxn ang="T63">
                      <a:pos x="T6" y="T7"/>
                    </a:cxn>
                    <a:cxn ang="T64">
                      <a:pos x="T8" y="T9"/>
                    </a:cxn>
                    <a:cxn ang="T65">
                      <a:pos x="T10" y="T11"/>
                    </a:cxn>
                    <a:cxn ang="T66">
                      <a:pos x="T12" y="T13"/>
                    </a:cxn>
                    <a:cxn ang="T67">
                      <a:pos x="T14" y="T15"/>
                    </a:cxn>
                    <a:cxn ang="T68">
                      <a:pos x="T16" y="T17"/>
                    </a:cxn>
                    <a:cxn ang="T69">
                      <a:pos x="T18" y="T19"/>
                    </a:cxn>
                    <a:cxn ang="T70">
                      <a:pos x="T20" y="T21"/>
                    </a:cxn>
                    <a:cxn ang="T71">
                      <a:pos x="T22" y="T23"/>
                    </a:cxn>
                    <a:cxn ang="T72">
                      <a:pos x="T24" y="T25"/>
                    </a:cxn>
                    <a:cxn ang="T73">
                      <a:pos x="T26" y="T27"/>
                    </a:cxn>
                    <a:cxn ang="T74">
                      <a:pos x="T28" y="T29"/>
                    </a:cxn>
                    <a:cxn ang="T75">
                      <a:pos x="T30" y="T31"/>
                    </a:cxn>
                    <a:cxn ang="T76">
                      <a:pos x="T32" y="T33"/>
                    </a:cxn>
                    <a:cxn ang="T77">
                      <a:pos x="T34" y="T35"/>
                    </a:cxn>
                    <a:cxn ang="T78">
                      <a:pos x="T36" y="T37"/>
                    </a:cxn>
                    <a:cxn ang="T79">
                      <a:pos x="T38" y="T39"/>
                    </a:cxn>
                    <a:cxn ang="T80">
                      <a:pos x="T40" y="T41"/>
                    </a:cxn>
                    <a:cxn ang="T81">
                      <a:pos x="T42" y="T43"/>
                    </a:cxn>
                    <a:cxn ang="T82">
                      <a:pos x="T44" y="T45"/>
                    </a:cxn>
                    <a:cxn ang="T83">
                      <a:pos x="T46" y="T47"/>
                    </a:cxn>
                    <a:cxn ang="T84">
                      <a:pos x="T48" y="T49"/>
                    </a:cxn>
                    <a:cxn ang="T85">
                      <a:pos x="T50" y="T51"/>
                    </a:cxn>
                    <a:cxn ang="T86">
                      <a:pos x="T52" y="T53"/>
                    </a:cxn>
                    <a:cxn ang="T87">
                      <a:pos x="T54" y="T55"/>
                    </a:cxn>
                    <a:cxn ang="T88">
                      <a:pos x="T56" y="T57"/>
                    </a:cxn>
                    <a:cxn ang="T89">
                      <a:pos x="T58" y="T59"/>
                    </a:cxn>
                  </a:cxnLst>
                  <a:rect l="0" t="0" r="r" b="b"/>
                  <a:pathLst>
                    <a:path w="52" h="53">
                      <a:moveTo>
                        <a:pt x="48" y="6"/>
                      </a:moveTo>
                      <a:lnTo>
                        <a:pt x="49" y="17"/>
                      </a:lnTo>
                      <a:lnTo>
                        <a:pt x="51" y="39"/>
                      </a:lnTo>
                      <a:lnTo>
                        <a:pt x="52" y="39"/>
                      </a:lnTo>
                      <a:lnTo>
                        <a:pt x="49" y="42"/>
                      </a:lnTo>
                      <a:lnTo>
                        <a:pt x="44" y="47"/>
                      </a:lnTo>
                      <a:lnTo>
                        <a:pt x="40" y="50"/>
                      </a:lnTo>
                      <a:lnTo>
                        <a:pt x="35" y="52"/>
                      </a:lnTo>
                      <a:lnTo>
                        <a:pt x="30" y="53"/>
                      </a:lnTo>
                      <a:lnTo>
                        <a:pt x="25" y="53"/>
                      </a:lnTo>
                      <a:lnTo>
                        <a:pt x="20" y="53"/>
                      </a:lnTo>
                      <a:lnTo>
                        <a:pt x="15" y="51"/>
                      </a:lnTo>
                      <a:lnTo>
                        <a:pt x="11" y="49"/>
                      </a:lnTo>
                      <a:lnTo>
                        <a:pt x="6" y="44"/>
                      </a:lnTo>
                      <a:lnTo>
                        <a:pt x="3" y="40"/>
                      </a:lnTo>
                      <a:lnTo>
                        <a:pt x="1" y="35"/>
                      </a:lnTo>
                      <a:lnTo>
                        <a:pt x="0" y="30"/>
                      </a:lnTo>
                      <a:lnTo>
                        <a:pt x="0" y="25"/>
                      </a:lnTo>
                      <a:lnTo>
                        <a:pt x="0" y="20"/>
                      </a:lnTo>
                      <a:lnTo>
                        <a:pt x="2" y="15"/>
                      </a:lnTo>
                      <a:lnTo>
                        <a:pt x="4" y="11"/>
                      </a:lnTo>
                      <a:lnTo>
                        <a:pt x="9" y="6"/>
                      </a:lnTo>
                      <a:lnTo>
                        <a:pt x="13" y="3"/>
                      </a:lnTo>
                      <a:lnTo>
                        <a:pt x="18" y="1"/>
                      </a:lnTo>
                      <a:lnTo>
                        <a:pt x="23" y="0"/>
                      </a:lnTo>
                      <a:lnTo>
                        <a:pt x="28" y="0"/>
                      </a:lnTo>
                      <a:lnTo>
                        <a:pt x="33" y="0"/>
                      </a:lnTo>
                      <a:lnTo>
                        <a:pt x="38" y="2"/>
                      </a:lnTo>
                      <a:lnTo>
                        <a:pt x="42" y="4"/>
                      </a:lnTo>
                      <a:lnTo>
                        <a:pt x="48" y="6"/>
                      </a:lnTo>
                      <a:close/>
                    </a:path>
                  </a:pathLst>
                </a:custGeom>
                <a:solidFill>
                  <a:srgbClr val="FFF2DE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2" name="Freeform 111">
                  <a:extLst>
                    <a:ext uri="{FF2B5EF4-FFF2-40B4-BE49-F238E27FC236}">
                      <a16:creationId xmlns:a16="http://schemas.microsoft.com/office/drawing/2014/main" id="{4FA714DF-DD12-4D23-BB7A-A73DBCFE8D6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04" y="2705"/>
                  <a:ext cx="13" cy="14"/>
                </a:xfrm>
                <a:custGeom>
                  <a:avLst/>
                  <a:gdLst>
                    <a:gd name="T0" fmla="*/ 0 w 27"/>
                    <a:gd name="T1" fmla="*/ 1 h 27"/>
                    <a:gd name="T2" fmla="*/ 0 w 27"/>
                    <a:gd name="T3" fmla="*/ 1 h 27"/>
                    <a:gd name="T4" fmla="*/ 0 w 27"/>
                    <a:gd name="T5" fmla="*/ 1 h 27"/>
                    <a:gd name="T6" fmla="*/ 0 w 27"/>
                    <a:gd name="T7" fmla="*/ 1 h 27"/>
                    <a:gd name="T8" fmla="*/ 0 w 27"/>
                    <a:gd name="T9" fmla="*/ 1 h 27"/>
                    <a:gd name="T10" fmla="*/ 0 w 27"/>
                    <a:gd name="T11" fmla="*/ 1 h 27"/>
                    <a:gd name="T12" fmla="*/ 0 w 27"/>
                    <a:gd name="T13" fmla="*/ 1 h 27"/>
                    <a:gd name="T14" fmla="*/ 0 w 27"/>
                    <a:gd name="T15" fmla="*/ 1 h 27"/>
                    <a:gd name="T16" fmla="*/ 0 w 27"/>
                    <a:gd name="T17" fmla="*/ 1 h 27"/>
                    <a:gd name="T18" fmla="*/ 0 w 27"/>
                    <a:gd name="T19" fmla="*/ 1 h 27"/>
                    <a:gd name="T20" fmla="*/ 0 w 27"/>
                    <a:gd name="T21" fmla="*/ 1 h 27"/>
                    <a:gd name="T22" fmla="*/ 0 w 27"/>
                    <a:gd name="T23" fmla="*/ 1 h 27"/>
                    <a:gd name="T24" fmla="*/ 0 w 27"/>
                    <a:gd name="T25" fmla="*/ 1 h 27"/>
                    <a:gd name="T26" fmla="*/ 0 w 27"/>
                    <a:gd name="T27" fmla="*/ 1 h 27"/>
                    <a:gd name="T28" fmla="*/ 0 w 27"/>
                    <a:gd name="T29" fmla="*/ 1 h 27"/>
                    <a:gd name="T30" fmla="*/ 0 w 27"/>
                    <a:gd name="T31" fmla="*/ 0 h 27"/>
                    <a:gd name="T32" fmla="*/ 0 w 27"/>
                    <a:gd name="T33" fmla="*/ 0 h 27"/>
                    <a:gd name="T34" fmla="*/ 0 w 27"/>
                    <a:gd name="T35" fmla="*/ 0 h 27"/>
                    <a:gd name="T36" fmla="*/ 0 w 27"/>
                    <a:gd name="T37" fmla="*/ 1 h 27"/>
                    <a:gd name="T38" fmla="*/ 0 w 27"/>
                    <a:gd name="T39" fmla="*/ 1 h 27"/>
                    <a:gd name="T40" fmla="*/ 0 w 27"/>
                    <a:gd name="T41" fmla="*/ 1 h 27"/>
                    <a:gd name="T42" fmla="*/ 0 w 27"/>
                    <a:gd name="T43" fmla="*/ 1 h 27"/>
                    <a:gd name="T44" fmla="*/ 0 w 27"/>
                    <a:gd name="T45" fmla="*/ 1 h 27"/>
                    <a:gd name="T46" fmla="*/ 0 w 27"/>
                    <a:gd name="T47" fmla="*/ 1 h 27"/>
                    <a:gd name="T48" fmla="*/ 0 w 27"/>
                    <a:gd name="T49" fmla="*/ 1 h 27"/>
                    <a:gd name="T50" fmla="*/ 0 w 27"/>
                    <a:gd name="T51" fmla="*/ 1 h 27"/>
                    <a:gd name="T52" fmla="*/ 0 w 27"/>
                    <a:gd name="T53" fmla="*/ 1 h 27"/>
                    <a:gd name="T54" fmla="*/ 0 w 27"/>
                    <a:gd name="T55" fmla="*/ 1 h 27"/>
                    <a:gd name="T56" fmla="*/ 0 w 27"/>
                    <a:gd name="T57" fmla="*/ 1 h 27"/>
                    <a:gd name="T58" fmla="*/ 0 w 27"/>
                    <a:gd name="T59" fmla="*/ 1 h 27"/>
                    <a:gd name="T60" fmla="*/ 0 w 27"/>
                    <a:gd name="T61" fmla="*/ 1 h 27"/>
                    <a:gd name="T62" fmla="*/ 0 w 27"/>
                    <a:gd name="T63" fmla="*/ 1 h 27"/>
                    <a:gd name="T64" fmla="*/ 0 w 27"/>
                    <a:gd name="T65" fmla="*/ 1 h 27"/>
                    <a:gd name="T66" fmla="*/ 0 w 27"/>
                    <a:gd name="T67" fmla="*/ 1 h 27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  <a:gd name="T78" fmla="*/ 0 60000 65536"/>
                    <a:gd name="T79" fmla="*/ 0 60000 65536"/>
                    <a:gd name="T80" fmla="*/ 0 60000 65536"/>
                    <a:gd name="T81" fmla="*/ 0 60000 65536"/>
                    <a:gd name="T82" fmla="*/ 0 60000 65536"/>
                    <a:gd name="T83" fmla="*/ 0 60000 65536"/>
                    <a:gd name="T84" fmla="*/ 0 60000 65536"/>
                    <a:gd name="T85" fmla="*/ 0 60000 65536"/>
                    <a:gd name="T86" fmla="*/ 0 60000 65536"/>
                    <a:gd name="T87" fmla="*/ 0 60000 65536"/>
                    <a:gd name="T88" fmla="*/ 0 60000 65536"/>
                    <a:gd name="T89" fmla="*/ 0 60000 65536"/>
                    <a:gd name="T90" fmla="*/ 0 60000 65536"/>
                    <a:gd name="T91" fmla="*/ 0 60000 65536"/>
                    <a:gd name="T92" fmla="*/ 0 60000 65536"/>
                    <a:gd name="T93" fmla="*/ 0 60000 65536"/>
                    <a:gd name="T94" fmla="*/ 0 60000 65536"/>
                    <a:gd name="T95" fmla="*/ 0 60000 65536"/>
                    <a:gd name="T96" fmla="*/ 0 60000 65536"/>
                    <a:gd name="T97" fmla="*/ 0 60000 65536"/>
                    <a:gd name="T98" fmla="*/ 0 60000 65536"/>
                    <a:gd name="T99" fmla="*/ 0 60000 65536"/>
                    <a:gd name="T100" fmla="*/ 0 60000 65536"/>
                    <a:gd name="T101" fmla="*/ 0 60000 65536"/>
                  </a:gdLst>
                  <a:ahLst/>
                  <a:cxnLst>
                    <a:cxn ang="T68">
                      <a:pos x="T0" y="T1"/>
                    </a:cxn>
                    <a:cxn ang="T69">
                      <a:pos x="T2" y="T3"/>
                    </a:cxn>
                    <a:cxn ang="T70">
                      <a:pos x="T4" y="T5"/>
                    </a:cxn>
                    <a:cxn ang="T71">
                      <a:pos x="T6" y="T7"/>
                    </a:cxn>
                    <a:cxn ang="T72">
                      <a:pos x="T8" y="T9"/>
                    </a:cxn>
                    <a:cxn ang="T73">
                      <a:pos x="T10" y="T11"/>
                    </a:cxn>
                    <a:cxn ang="T74">
                      <a:pos x="T12" y="T13"/>
                    </a:cxn>
                    <a:cxn ang="T75">
                      <a:pos x="T14" y="T15"/>
                    </a:cxn>
                    <a:cxn ang="T76">
                      <a:pos x="T16" y="T17"/>
                    </a:cxn>
                    <a:cxn ang="T77">
                      <a:pos x="T18" y="T19"/>
                    </a:cxn>
                    <a:cxn ang="T78">
                      <a:pos x="T20" y="T21"/>
                    </a:cxn>
                    <a:cxn ang="T79">
                      <a:pos x="T22" y="T23"/>
                    </a:cxn>
                    <a:cxn ang="T80">
                      <a:pos x="T24" y="T25"/>
                    </a:cxn>
                    <a:cxn ang="T81">
                      <a:pos x="T26" y="T27"/>
                    </a:cxn>
                    <a:cxn ang="T82">
                      <a:pos x="T28" y="T29"/>
                    </a:cxn>
                    <a:cxn ang="T83">
                      <a:pos x="T30" y="T31"/>
                    </a:cxn>
                    <a:cxn ang="T84">
                      <a:pos x="T32" y="T33"/>
                    </a:cxn>
                    <a:cxn ang="T85">
                      <a:pos x="T34" y="T35"/>
                    </a:cxn>
                    <a:cxn ang="T86">
                      <a:pos x="T36" y="T37"/>
                    </a:cxn>
                    <a:cxn ang="T87">
                      <a:pos x="T38" y="T39"/>
                    </a:cxn>
                    <a:cxn ang="T88">
                      <a:pos x="T40" y="T41"/>
                    </a:cxn>
                    <a:cxn ang="T89">
                      <a:pos x="T42" y="T43"/>
                    </a:cxn>
                    <a:cxn ang="T90">
                      <a:pos x="T44" y="T45"/>
                    </a:cxn>
                    <a:cxn ang="T91">
                      <a:pos x="T46" y="T47"/>
                    </a:cxn>
                    <a:cxn ang="T92">
                      <a:pos x="T48" y="T49"/>
                    </a:cxn>
                    <a:cxn ang="T93">
                      <a:pos x="T50" y="T51"/>
                    </a:cxn>
                    <a:cxn ang="T94">
                      <a:pos x="T52" y="T53"/>
                    </a:cxn>
                    <a:cxn ang="T95">
                      <a:pos x="T54" y="T55"/>
                    </a:cxn>
                    <a:cxn ang="T96">
                      <a:pos x="T56" y="T57"/>
                    </a:cxn>
                    <a:cxn ang="T97">
                      <a:pos x="T58" y="T59"/>
                    </a:cxn>
                    <a:cxn ang="T98">
                      <a:pos x="T60" y="T61"/>
                    </a:cxn>
                    <a:cxn ang="T99">
                      <a:pos x="T62" y="T63"/>
                    </a:cxn>
                    <a:cxn ang="T100">
                      <a:pos x="T64" y="T65"/>
                    </a:cxn>
                    <a:cxn ang="T101">
                      <a:pos x="T66" y="T67"/>
                    </a:cxn>
                  </a:cxnLst>
                  <a:rect l="0" t="0" r="r" b="b"/>
                  <a:pathLst>
                    <a:path w="27" h="27">
                      <a:moveTo>
                        <a:pt x="13" y="27"/>
                      </a:moveTo>
                      <a:lnTo>
                        <a:pt x="16" y="27"/>
                      </a:lnTo>
                      <a:lnTo>
                        <a:pt x="19" y="26"/>
                      </a:lnTo>
                      <a:lnTo>
                        <a:pt x="21" y="25"/>
                      </a:lnTo>
                      <a:lnTo>
                        <a:pt x="22" y="22"/>
                      </a:lnTo>
                      <a:lnTo>
                        <a:pt x="25" y="21"/>
                      </a:lnTo>
                      <a:lnTo>
                        <a:pt x="26" y="19"/>
                      </a:lnTo>
                      <a:lnTo>
                        <a:pt x="27" y="16"/>
                      </a:lnTo>
                      <a:lnTo>
                        <a:pt x="27" y="13"/>
                      </a:lnTo>
                      <a:lnTo>
                        <a:pt x="27" y="11"/>
                      </a:lnTo>
                      <a:lnTo>
                        <a:pt x="26" y="8"/>
                      </a:lnTo>
                      <a:lnTo>
                        <a:pt x="25" y="6"/>
                      </a:lnTo>
                      <a:lnTo>
                        <a:pt x="22" y="4"/>
                      </a:lnTo>
                      <a:lnTo>
                        <a:pt x="21" y="2"/>
                      </a:lnTo>
                      <a:lnTo>
                        <a:pt x="19" y="1"/>
                      </a:lnTo>
                      <a:lnTo>
                        <a:pt x="16" y="0"/>
                      </a:lnTo>
                      <a:lnTo>
                        <a:pt x="13" y="0"/>
                      </a:lnTo>
                      <a:lnTo>
                        <a:pt x="11" y="0"/>
                      </a:lnTo>
                      <a:lnTo>
                        <a:pt x="8" y="1"/>
                      </a:lnTo>
                      <a:lnTo>
                        <a:pt x="6" y="2"/>
                      </a:lnTo>
                      <a:lnTo>
                        <a:pt x="5" y="4"/>
                      </a:lnTo>
                      <a:lnTo>
                        <a:pt x="2" y="6"/>
                      </a:lnTo>
                      <a:lnTo>
                        <a:pt x="1" y="8"/>
                      </a:lnTo>
                      <a:lnTo>
                        <a:pt x="0" y="11"/>
                      </a:lnTo>
                      <a:lnTo>
                        <a:pt x="0" y="13"/>
                      </a:lnTo>
                      <a:lnTo>
                        <a:pt x="0" y="16"/>
                      </a:lnTo>
                      <a:lnTo>
                        <a:pt x="1" y="19"/>
                      </a:lnTo>
                      <a:lnTo>
                        <a:pt x="2" y="21"/>
                      </a:lnTo>
                      <a:lnTo>
                        <a:pt x="5" y="22"/>
                      </a:lnTo>
                      <a:lnTo>
                        <a:pt x="6" y="25"/>
                      </a:lnTo>
                      <a:lnTo>
                        <a:pt x="8" y="26"/>
                      </a:lnTo>
                      <a:lnTo>
                        <a:pt x="11" y="27"/>
                      </a:lnTo>
                      <a:lnTo>
                        <a:pt x="13" y="27"/>
                      </a:lnTo>
                      <a:close/>
                    </a:path>
                  </a:pathLst>
                </a:custGeom>
                <a:solidFill>
                  <a:srgbClr val="FFFFFF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3" name="Freeform 112">
                  <a:extLst>
                    <a:ext uri="{FF2B5EF4-FFF2-40B4-BE49-F238E27FC236}">
                      <a16:creationId xmlns:a16="http://schemas.microsoft.com/office/drawing/2014/main" id="{E1956848-268D-42B8-AD6D-6997DA2F8E3B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3" y="2662"/>
                  <a:ext cx="41" cy="185"/>
                </a:xfrm>
                <a:custGeom>
                  <a:avLst/>
                  <a:gdLst>
                    <a:gd name="T0" fmla="*/ 1 w 82"/>
                    <a:gd name="T1" fmla="*/ 0 h 369"/>
                    <a:gd name="T2" fmla="*/ 1 w 82"/>
                    <a:gd name="T3" fmla="*/ 1 h 369"/>
                    <a:gd name="T4" fmla="*/ 1 w 82"/>
                    <a:gd name="T5" fmla="*/ 1 h 369"/>
                    <a:gd name="T6" fmla="*/ 1 w 82"/>
                    <a:gd name="T7" fmla="*/ 1 h 369"/>
                    <a:gd name="T8" fmla="*/ 1 w 82"/>
                    <a:gd name="T9" fmla="*/ 1 h 369"/>
                    <a:gd name="T10" fmla="*/ 1 w 82"/>
                    <a:gd name="T11" fmla="*/ 1 h 369"/>
                    <a:gd name="T12" fmla="*/ 1 w 82"/>
                    <a:gd name="T13" fmla="*/ 1 h 369"/>
                    <a:gd name="T14" fmla="*/ 1 w 82"/>
                    <a:gd name="T15" fmla="*/ 1 h 369"/>
                    <a:gd name="T16" fmla="*/ 1 w 82"/>
                    <a:gd name="T17" fmla="*/ 1 h 369"/>
                    <a:gd name="T18" fmla="*/ 1 w 82"/>
                    <a:gd name="T19" fmla="*/ 1 h 369"/>
                    <a:gd name="T20" fmla="*/ 1 w 82"/>
                    <a:gd name="T21" fmla="*/ 1 h 369"/>
                    <a:gd name="T22" fmla="*/ 1 w 82"/>
                    <a:gd name="T23" fmla="*/ 1 h 369"/>
                    <a:gd name="T24" fmla="*/ 0 w 82"/>
                    <a:gd name="T25" fmla="*/ 1 h 369"/>
                    <a:gd name="T26" fmla="*/ 1 w 82"/>
                    <a:gd name="T27" fmla="*/ 1 h 369"/>
                    <a:gd name="T28" fmla="*/ 1 w 82"/>
                    <a:gd name="T29" fmla="*/ 1 h 369"/>
                    <a:gd name="T30" fmla="*/ 1 w 82"/>
                    <a:gd name="T31" fmla="*/ 1 h 369"/>
                    <a:gd name="T32" fmla="*/ 1 w 82"/>
                    <a:gd name="T33" fmla="*/ 1 h 369"/>
                    <a:gd name="T34" fmla="*/ 1 w 82"/>
                    <a:gd name="T35" fmla="*/ 1 h 369"/>
                    <a:gd name="T36" fmla="*/ 1 w 82"/>
                    <a:gd name="T37" fmla="*/ 1 h 369"/>
                    <a:gd name="T38" fmla="*/ 1 w 82"/>
                    <a:gd name="T39" fmla="*/ 1 h 369"/>
                    <a:gd name="T40" fmla="*/ 1 w 82"/>
                    <a:gd name="T41" fmla="*/ 1 h 369"/>
                    <a:gd name="T42" fmla="*/ 1 w 82"/>
                    <a:gd name="T43" fmla="*/ 1 h 369"/>
                    <a:gd name="T44" fmla="*/ 1 w 82"/>
                    <a:gd name="T45" fmla="*/ 1 h 369"/>
                    <a:gd name="T46" fmla="*/ 1 w 82"/>
                    <a:gd name="T47" fmla="*/ 1 h 369"/>
                    <a:gd name="T48" fmla="*/ 1 w 82"/>
                    <a:gd name="T49" fmla="*/ 1 h 369"/>
                    <a:gd name="T50" fmla="*/ 1 w 82"/>
                    <a:gd name="T51" fmla="*/ 1 h 369"/>
                    <a:gd name="T52" fmla="*/ 1 w 82"/>
                    <a:gd name="T53" fmla="*/ 1 h 369"/>
                    <a:gd name="T54" fmla="*/ 1 w 82"/>
                    <a:gd name="T55" fmla="*/ 1 h 369"/>
                    <a:gd name="T56" fmla="*/ 1 w 82"/>
                    <a:gd name="T57" fmla="*/ 1 h 369"/>
                    <a:gd name="T58" fmla="*/ 1 w 82"/>
                    <a:gd name="T59" fmla="*/ 1 h 369"/>
                    <a:gd name="T60" fmla="*/ 1 w 82"/>
                    <a:gd name="T61" fmla="*/ 1 h 369"/>
                    <a:gd name="T62" fmla="*/ 1 w 82"/>
                    <a:gd name="T63" fmla="*/ 1 h 369"/>
                    <a:gd name="T64" fmla="*/ 1 w 82"/>
                    <a:gd name="T65" fmla="*/ 1 h 369"/>
                    <a:gd name="T66" fmla="*/ 1 w 82"/>
                    <a:gd name="T67" fmla="*/ 1 h 369"/>
                    <a:gd name="T68" fmla="*/ 1 w 82"/>
                    <a:gd name="T69" fmla="*/ 1 h 369"/>
                    <a:gd name="T70" fmla="*/ 1 w 82"/>
                    <a:gd name="T71" fmla="*/ 1 h 369"/>
                    <a:gd name="T72" fmla="*/ 1 w 82"/>
                    <a:gd name="T73" fmla="*/ 1 h 369"/>
                    <a:gd name="T74" fmla="*/ 1 w 82"/>
                    <a:gd name="T75" fmla="*/ 1 h 369"/>
                    <a:gd name="T76" fmla="*/ 1 w 82"/>
                    <a:gd name="T77" fmla="*/ 1 h 369"/>
                    <a:gd name="T78" fmla="*/ 1 w 82"/>
                    <a:gd name="T79" fmla="*/ 1 h 369"/>
                    <a:gd name="T80" fmla="*/ 1 w 82"/>
                    <a:gd name="T81" fmla="*/ 1 h 369"/>
                    <a:gd name="T82" fmla="*/ 1 w 82"/>
                    <a:gd name="T83" fmla="*/ 1 h 369"/>
                    <a:gd name="T84" fmla="*/ 1 w 82"/>
                    <a:gd name="T85" fmla="*/ 1 h 369"/>
                    <a:gd name="T86" fmla="*/ 1 w 82"/>
                    <a:gd name="T87" fmla="*/ 1 h 369"/>
                    <a:gd name="T88" fmla="*/ 1 w 82"/>
                    <a:gd name="T89" fmla="*/ 1 h 369"/>
                    <a:gd name="T90" fmla="*/ 1 w 82"/>
                    <a:gd name="T91" fmla="*/ 1 h 369"/>
                    <a:gd name="T92" fmla="*/ 1 w 82"/>
                    <a:gd name="T93" fmla="*/ 1 h 369"/>
                    <a:gd name="T94" fmla="*/ 1 w 82"/>
                    <a:gd name="T95" fmla="*/ 1 h 369"/>
                    <a:gd name="T96" fmla="*/ 1 w 82"/>
                    <a:gd name="T97" fmla="*/ 0 h 369"/>
                    <a:gd name="T98" fmla="*/ 1 w 82"/>
                    <a:gd name="T99" fmla="*/ 0 h 369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  <a:gd name="T147" fmla="*/ 0 60000 65536"/>
                    <a:gd name="T148" fmla="*/ 0 60000 65536"/>
                    <a:gd name="T149" fmla="*/ 0 60000 65536"/>
                  </a:gdLst>
                  <a:ahLst/>
                  <a:cxnLst>
                    <a:cxn ang="T100">
                      <a:pos x="T0" y="T1"/>
                    </a:cxn>
                    <a:cxn ang="T101">
                      <a:pos x="T2" y="T3"/>
                    </a:cxn>
                    <a:cxn ang="T102">
                      <a:pos x="T4" y="T5"/>
                    </a:cxn>
                    <a:cxn ang="T103">
                      <a:pos x="T6" y="T7"/>
                    </a:cxn>
                    <a:cxn ang="T104">
                      <a:pos x="T8" y="T9"/>
                    </a:cxn>
                    <a:cxn ang="T105">
                      <a:pos x="T10" y="T11"/>
                    </a:cxn>
                    <a:cxn ang="T106">
                      <a:pos x="T12" y="T13"/>
                    </a:cxn>
                    <a:cxn ang="T107">
                      <a:pos x="T14" y="T15"/>
                    </a:cxn>
                    <a:cxn ang="T108">
                      <a:pos x="T16" y="T17"/>
                    </a:cxn>
                    <a:cxn ang="T109">
                      <a:pos x="T18" y="T19"/>
                    </a:cxn>
                    <a:cxn ang="T110">
                      <a:pos x="T20" y="T21"/>
                    </a:cxn>
                    <a:cxn ang="T111">
                      <a:pos x="T22" y="T23"/>
                    </a:cxn>
                    <a:cxn ang="T112">
                      <a:pos x="T24" y="T25"/>
                    </a:cxn>
                    <a:cxn ang="T113">
                      <a:pos x="T26" y="T27"/>
                    </a:cxn>
                    <a:cxn ang="T114">
                      <a:pos x="T28" y="T29"/>
                    </a:cxn>
                    <a:cxn ang="T115">
                      <a:pos x="T30" y="T31"/>
                    </a:cxn>
                    <a:cxn ang="T116">
                      <a:pos x="T32" y="T33"/>
                    </a:cxn>
                    <a:cxn ang="T117">
                      <a:pos x="T34" y="T35"/>
                    </a:cxn>
                    <a:cxn ang="T118">
                      <a:pos x="T36" y="T37"/>
                    </a:cxn>
                    <a:cxn ang="T119">
                      <a:pos x="T38" y="T39"/>
                    </a:cxn>
                    <a:cxn ang="T120">
                      <a:pos x="T40" y="T41"/>
                    </a:cxn>
                    <a:cxn ang="T121">
                      <a:pos x="T42" y="T43"/>
                    </a:cxn>
                    <a:cxn ang="T122">
                      <a:pos x="T44" y="T45"/>
                    </a:cxn>
                    <a:cxn ang="T123">
                      <a:pos x="T46" y="T47"/>
                    </a:cxn>
                    <a:cxn ang="T124">
                      <a:pos x="T48" y="T49"/>
                    </a:cxn>
                    <a:cxn ang="T125">
                      <a:pos x="T50" y="T51"/>
                    </a:cxn>
                    <a:cxn ang="T126">
                      <a:pos x="T52" y="T53"/>
                    </a:cxn>
                    <a:cxn ang="T127">
                      <a:pos x="T54" y="T55"/>
                    </a:cxn>
                    <a:cxn ang="T128">
                      <a:pos x="T56" y="T57"/>
                    </a:cxn>
                    <a:cxn ang="T129">
                      <a:pos x="T58" y="T59"/>
                    </a:cxn>
                    <a:cxn ang="T130">
                      <a:pos x="T60" y="T61"/>
                    </a:cxn>
                    <a:cxn ang="T131">
                      <a:pos x="T62" y="T63"/>
                    </a:cxn>
                    <a:cxn ang="T132">
                      <a:pos x="T64" y="T65"/>
                    </a:cxn>
                    <a:cxn ang="T133">
                      <a:pos x="T66" y="T67"/>
                    </a:cxn>
                    <a:cxn ang="T134">
                      <a:pos x="T68" y="T69"/>
                    </a:cxn>
                    <a:cxn ang="T135">
                      <a:pos x="T70" y="T71"/>
                    </a:cxn>
                    <a:cxn ang="T136">
                      <a:pos x="T72" y="T73"/>
                    </a:cxn>
                    <a:cxn ang="T137">
                      <a:pos x="T74" y="T75"/>
                    </a:cxn>
                    <a:cxn ang="T138">
                      <a:pos x="T76" y="T77"/>
                    </a:cxn>
                    <a:cxn ang="T139">
                      <a:pos x="T78" y="T79"/>
                    </a:cxn>
                    <a:cxn ang="T140">
                      <a:pos x="T80" y="T81"/>
                    </a:cxn>
                    <a:cxn ang="T141">
                      <a:pos x="T82" y="T83"/>
                    </a:cxn>
                    <a:cxn ang="T142">
                      <a:pos x="T84" y="T85"/>
                    </a:cxn>
                    <a:cxn ang="T143">
                      <a:pos x="T86" y="T87"/>
                    </a:cxn>
                    <a:cxn ang="T144">
                      <a:pos x="T88" y="T89"/>
                    </a:cxn>
                    <a:cxn ang="T145">
                      <a:pos x="T90" y="T91"/>
                    </a:cxn>
                    <a:cxn ang="T146">
                      <a:pos x="T92" y="T93"/>
                    </a:cxn>
                    <a:cxn ang="T147">
                      <a:pos x="T94" y="T95"/>
                    </a:cxn>
                    <a:cxn ang="T148">
                      <a:pos x="T96" y="T97"/>
                    </a:cxn>
                    <a:cxn ang="T149">
                      <a:pos x="T98" y="T99"/>
                    </a:cxn>
                  </a:cxnLst>
                  <a:rect l="0" t="0" r="r" b="b"/>
                  <a:pathLst>
                    <a:path w="82" h="369">
                      <a:moveTo>
                        <a:pt x="41" y="0"/>
                      </a:move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3"/>
                      </a:lnTo>
                      <a:lnTo>
                        <a:pt x="21" y="24"/>
                      </a:lnTo>
                      <a:lnTo>
                        <a:pt x="16" y="38"/>
                      </a:lnTo>
                      <a:lnTo>
                        <a:pt x="12" y="54"/>
                      </a:lnTo>
                      <a:lnTo>
                        <a:pt x="9" y="71"/>
                      </a:lnTo>
                      <a:lnTo>
                        <a:pt x="6" y="90"/>
                      </a:lnTo>
                      <a:lnTo>
                        <a:pt x="3" y="112"/>
                      </a:lnTo>
                      <a:lnTo>
                        <a:pt x="2" y="135"/>
                      </a:lnTo>
                      <a:lnTo>
                        <a:pt x="1" y="159"/>
                      </a:lnTo>
                      <a:lnTo>
                        <a:pt x="0" y="184"/>
                      </a:lnTo>
                      <a:lnTo>
                        <a:pt x="1" y="209"/>
                      </a:lnTo>
                      <a:lnTo>
                        <a:pt x="2" y="232"/>
                      </a:lnTo>
                      <a:lnTo>
                        <a:pt x="3" y="255"/>
                      </a:lnTo>
                      <a:lnTo>
                        <a:pt x="6" y="276"/>
                      </a:lnTo>
                      <a:lnTo>
                        <a:pt x="9" y="296"/>
                      </a:lnTo>
                      <a:lnTo>
                        <a:pt x="13" y="314"/>
                      </a:lnTo>
                      <a:lnTo>
                        <a:pt x="16" y="330"/>
                      </a:lnTo>
                      <a:lnTo>
                        <a:pt x="21" y="343"/>
                      </a:lnTo>
                      <a:lnTo>
                        <a:pt x="25" y="353"/>
                      </a:lnTo>
                      <a:lnTo>
                        <a:pt x="31" y="362"/>
                      </a:lnTo>
                      <a:lnTo>
                        <a:pt x="36" y="367"/>
                      </a:lnTo>
                      <a:lnTo>
                        <a:pt x="41" y="369"/>
                      </a:lnTo>
                      <a:lnTo>
                        <a:pt x="48" y="367"/>
                      </a:lnTo>
                      <a:lnTo>
                        <a:pt x="53" y="362"/>
                      </a:lnTo>
                      <a:lnTo>
                        <a:pt x="58" y="353"/>
                      </a:lnTo>
                      <a:lnTo>
                        <a:pt x="62" y="343"/>
                      </a:lnTo>
                      <a:lnTo>
                        <a:pt x="67" y="330"/>
                      </a:lnTo>
                      <a:lnTo>
                        <a:pt x="71" y="314"/>
                      </a:lnTo>
                      <a:lnTo>
                        <a:pt x="74" y="296"/>
                      </a:lnTo>
                      <a:lnTo>
                        <a:pt x="78" y="276"/>
                      </a:lnTo>
                      <a:lnTo>
                        <a:pt x="80" y="255"/>
                      </a:lnTo>
                      <a:lnTo>
                        <a:pt x="81" y="232"/>
                      </a:lnTo>
                      <a:lnTo>
                        <a:pt x="82" y="209"/>
                      </a:lnTo>
                      <a:lnTo>
                        <a:pt x="82" y="184"/>
                      </a:lnTo>
                      <a:lnTo>
                        <a:pt x="82" y="159"/>
                      </a:lnTo>
                      <a:lnTo>
                        <a:pt x="81" y="135"/>
                      </a:lnTo>
                      <a:lnTo>
                        <a:pt x="80" y="112"/>
                      </a:lnTo>
                      <a:lnTo>
                        <a:pt x="78" y="90"/>
                      </a:lnTo>
                      <a:lnTo>
                        <a:pt x="74" y="71"/>
                      </a:lnTo>
                      <a:lnTo>
                        <a:pt x="71" y="54"/>
                      </a:lnTo>
                      <a:lnTo>
                        <a:pt x="67" y="38"/>
                      </a:lnTo>
                      <a:lnTo>
                        <a:pt x="62" y="24"/>
                      </a:lnTo>
                      <a:lnTo>
                        <a:pt x="58" y="13"/>
                      </a:lnTo>
                      <a:lnTo>
                        <a:pt x="53" y="5"/>
                      </a:lnTo>
                      <a:lnTo>
                        <a:pt x="48" y="1"/>
                      </a:lnTo>
                      <a:lnTo>
                        <a:pt x="41" y="0"/>
                      </a:lnTo>
                    </a:path>
                  </a:pathLst>
                </a:custGeom>
                <a:noFill/>
                <a:ln w="3175">
                  <a:solidFill>
                    <a:srgbClr val="000000"/>
                  </a:solidFill>
                  <a:prstDash val="solid"/>
                  <a:round/>
                  <a:headEnd/>
                  <a:tailEnd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4" name="Freeform 113">
                  <a:extLst>
                    <a:ext uri="{FF2B5EF4-FFF2-40B4-BE49-F238E27FC236}">
                      <a16:creationId xmlns:a16="http://schemas.microsoft.com/office/drawing/2014/main" id="{53BA57E1-ADBE-4C1B-B1ED-2214CCEC4870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082" y="2662"/>
                  <a:ext cx="21" cy="186"/>
                </a:xfrm>
                <a:custGeom>
                  <a:avLst/>
                  <a:gdLst>
                    <a:gd name="T0" fmla="*/ 1 w 42"/>
                    <a:gd name="T1" fmla="*/ 1 h 371"/>
                    <a:gd name="T2" fmla="*/ 1 w 42"/>
                    <a:gd name="T3" fmla="*/ 0 h 371"/>
                    <a:gd name="T4" fmla="*/ 1 w 42"/>
                    <a:gd name="T5" fmla="*/ 1 h 371"/>
                    <a:gd name="T6" fmla="*/ 1 w 42"/>
                    <a:gd name="T7" fmla="*/ 1 h 371"/>
                    <a:gd name="T8" fmla="*/ 1 w 42"/>
                    <a:gd name="T9" fmla="*/ 1 h 371"/>
                    <a:gd name="T10" fmla="*/ 1 w 42"/>
                    <a:gd name="T11" fmla="*/ 1 h 371"/>
                    <a:gd name="T12" fmla="*/ 1 w 42"/>
                    <a:gd name="T13" fmla="*/ 1 h 371"/>
                    <a:gd name="T14" fmla="*/ 1 w 42"/>
                    <a:gd name="T15" fmla="*/ 1 h 371"/>
                    <a:gd name="T16" fmla="*/ 1 w 42"/>
                    <a:gd name="T17" fmla="*/ 1 h 371"/>
                    <a:gd name="T18" fmla="*/ 1 w 42"/>
                    <a:gd name="T19" fmla="*/ 1 h 371"/>
                    <a:gd name="T20" fmla="*/ 1 w 42"/>
                    <a:gd name="T21" fmla="*/ 1 h 371"/>
                    <a:gd name="T22" fmla="*/ 1 w 42"/>
                    <a:gd name="T23" fmla="*/ 1 h 371"/>
                    <a:gd name="T24" fmla="*/ 0 w 42"/>
                    <a:gd name="T25" fmla="*/ 1 h 371"/>
                    <a:gd name="T26" fmla="*/ 1 w 42"/>
                    <a:gd name="T27" fmla="*/ 1 h 371"/>
                    <a:gd name="T28" fmla="*/ 1 w 42"/>
                    <a:gd name="T29" fmla="*/ 1 h 371"/>
                    <a:gd name="T30" fmla="*/ 1 w 42"/>
                    <a:gd name="T31" fmla="*/ 1 h 371"/>
                    <a:gd name="T32" fmla="*/ 1 w 42"/>
                    <a:gd name="T33" fmla="*/ 1 h 371"/>
                    <a:gd name="T34" fmla="*/ 1 w 42"/>
                    <a:gd name="T35" fmla="*/ 1 h 371"/>
                    <a:gd name="T36" fmla="*/ 1 w 42"/>
                    <a:gd name="T37" fmla="*/ 1 h 371"/>
                    <a:gd name="T38" fmla="*/ 1 w 42"/>
                    <a:gd name="T39" fmla="*/ 1 h 371"/>
                    <a:gd name="T40" fmla="*/ 1 w 42"/>
                    <a:gd name="T41" fmla="*/ 1 h 371"/>
                    <a:gd name="T42" fmla="*/ 1 w 42"/>
                    <a:gd name="T43" fmla="*/ 1 h 371"/>
                    <a:gd name="T44" fmla="*/ 1 w 42"/>
                    <a:gd name="T45" fmla="*/ 1 h 371"/>
                    <a:gd name="T46" fmla="*/ 1 w 42"/>
                    <a:gd name="T47" fmla="*/ 1 h 371"/>
                    <a:gd name="T48" fmla="*/ 1 w 42"/>
                    <a:gd name="T49" fmla="*/ 1 h 371"/>
                    <a:gd name="T50" fmla="*/ 1 w 42"/>
                    <a:gd name="T51" fmla="*/ 1 h 371"/>
                    <a:gd name="T52" fmla="*/ 1 w 42"/>
                    <a:gd name="T53" fmla="*/ 1 h 371"/>
                    <a:gd name="T54" fmla="*/ 1 w 42"/>
                    <a:gd name="T55" fmla="*/ 1 h 371"/>
                    <a:gd name="T56" fmla="*/ 1 w 42"/>
                    <a:gd name="T57" fmla="*/ 1 h 371"/>
                    <a:gd name="T58" fmla="*/ 1 w 42"/>
                    <a:gd name="T59" fmla="*/ 1 h 371"/>
                    <a:gd name="T60" fmla="*/ 1 w 42"/>
                    <a:gd name="T61" fmla="*/ 1 h 371"/>
                    <a:gd name="T62" fmla="*/ 1 w 42"/>
                    <a:gd name="T63" fmla="*/ 1 h 371"/>
                    <a:gd name="T64" fmla="*/ 1 w 42"/>
                    <a:gd name="T65" fmla="*/ 1 h 371"/>
                    <a:gd name="T66" fmla="*/ 1 w 42"/>
                    <a:gd name="T67" fmla="*/ 1 h 371"/>
                    <a:gd name="T68" fmla="*/ 1 w 42"/>
                    <a:gd name="T69" fmla="*/ 1 h 371"/>
                    <a:gd name="T70" fmla="*/ 1 w 42"/>
                    <a:gd name="T71" fmla="*/ 1 h 371"/>
                    <a:gd name="T72" fmla="*/ 1 w 42"/>
                    <a:gd name="T73" fmla="*/ 1 h 371"/>
                    <a:gd name="T74" fmla="*/ 1 w 42"/>
                    <a:gd name="T75" fmla="*/ 1 h 371"/>
                    <a:gd name="T76" fmla="*/ 1 w 42"/>
                    <a:gd name="T77" fmla="*/ 1 h 371"/>
                    <a:gd name="T78" fmla="*/ 1 w 42"/>
                    <a:gd name="T79" fmla="*/ 1 h 371"/>
                    <a:gd name="T80" fmla="*/ 1 w 42"/>
                    <a:gd name="T81" fmla="*/ 1 h 371"/>
                    <a:gd name="T82" fmla="*/ 1 w 42"/>
                    <a:gd name="T83" fmla="*/ 1 h 371"/>
                    <a:gd name="T84" fmla="*/ 1 w 42"/>
                    <a:gd name="T85" fmla="*/ 1 h 371"/>
                    <a:gd name="T86" fmla="*/ 1 w 42"/>
                    <a:gd name="T87" fmla="*/ 1 h 371"/>
                    <a:gd name="T88" fmla="*/ 1 w 42"/>
                    <a:gd name="T89" fmla="*/ 1 h 371"/>
                    <a:gd name="T90" fmla="*/ 1 w 42"/>
                    <a:gd name="T91" fmla="*/ 1 h 371"/>
                    <a:gd name="T92" fmla="*/ 1 w 42"/>
                    <a:gd name="T93" fmla="*/ 1 h 371"/>
                    <a:gd name="T94" fmla="*/ 1 w 42"/>
                    <a:gd name="T95" fmla="*/ 1 h 371"/>
                    <a:gd name="T96" fmla="*/ 1 w 42"/>
                    <a:gd name="T97" fmla="*/ 1 h 371"/>
                    <a:gd name="T98" fmla="*/ 0 60000 65536"/>
                    <a:gd name="T99" fmla="*/ 0 60000 65536"/>
                    <a:gd name="T100" fmla="*/ 0 60000 65536"/>
                    <a:gd name="T101" fmla="*/ 0 60000 65536"/>
                    <a:gd name="T102" fmla="*/ 0 60000 65536"/>
                    <a:gd name="T103" fmla="*/ 0 60000 65536"/>
                    <a:gd name="T104" fmla="*/ 0 60000 65536"/>
                    <a:gd name="T105" fmla="*/ 0 60000 65536"/>
                    <a:gd name="T106" fmla="*/ 0 60000 65536"/>
                    <a:gd name="T107" fmla="*/ 0 60000 65536"/>
                    <a:gd name="T108" fmla="*/ 0 60000 65536"/>
                    <a:gd name="T109" fmla="*/ 0 60000 65536"/>
                    <a:gd name="T110" fmla="*/ 0 60000 65536"/>
                    <a:gd name="T111" fmla="*/ 0 60000 65536"/>
                    <a:gd name="T112" fmla="*/ 0 60000 65536"/>
                    <a:gd name="T113" fmla="*/ 0 60000 65536"/>
                    <a:gd name="T114" fmla="*/ 0 60000 65536"/>
                    <a:gd name="T115" fmla="*/ 0 60000 65536"/>
                    <a:gd name="T116" fmla="*/ 0 60000 65536"/>
                    <a:gd name="T117" fmla="*/ 0 60000 65536"/>
                    <a:gd name="T118" fmla="*/ 0 60000 65536"/>
                    <a:gd name="T119" fmla="*/ 0 60000 65536"/>
                    <a:gd name="T120" fmla="*/ 0 60000 65536"/>
                    <a:gd name="T121" fmla="*/ 0 60000 65536"/>
                    <a:gd name="T122" fmla="*/ 0 60000 65536"/>
                    <a:gd name="T123" fmla="*/ 0 60000 65536"/>
                    <a:gd name="T124" fmla="*/ 0 60000 65536"/>
                    <a:gd name="T125" fmla="*/ 0 60000 65536"/>
                    <a:gd name="T126" fmla="*/ 0 60000 65536"/>
                    <a:gd name="T127" fmla="*/ 0 60000 65536"/>
                    <a:gd name="T128" fmla="*/ 0 60000 65536"/>
                    <a:gd name="T129" fmla="*/ 0 60000 65536"/>
                    <a:gd name="T130" fmla="*/ 0 60000 65536"/>
                    <a:gd name="T131" fmla="*/ 0 60000 65536"/>
                    <a:gd name="T132" fmla="*/ 0 60000 65536"/>
                    <a:gd name="T133" fmla="*/ 0 60000 65536"/>
                    <a:gd name="T134" fmla="*/ 0 60000 65536"/>
                    <a:gd name="T135" fmla="*/ 0 60000 65536"/>
                    <a:gd name="T136" fmla="*/ 0 60000 65536"/>
                    <a:gd name="T137" fmla="*/ 0 60000 65536"/>
                    <a:gd name="T138" fmla="*/ 0 60000 65536"/>
                    <a:gd name="T139" fmla="*/ 0 60000 65536"/>
                    <a:gd name="T140" fmla="*/ 0 60000 65536"/>
                    <a:gd name="T141" fmla="*/ 0 60000 65536"/>
                    <a:gd name="T142" fmla="*/ 0 60000 65536"/>
                    <a:gd name="T143" fmla="*/ 0 60000 65536"/>
                    <a:gd name="T144" fmla="*/ 0 60000 65536"/>
                    <a:gd name="T145" fmla="*/ 0 60000 65536"/>
                    <a:gd name="T146" fmla="*/ 0 60000 65536"/>
                  </a:gdLst>
                  <a:ahLst/>
                  <a:cxnLst>
                    <a:cxn ang="T98">
                      <a:pos x="T0" y="T1"/>
                    </a:cxn>
                    <a:cxn ang="T99">
                      <a:pos x="T2" y="T3"/>
                    </a:cxn>
                    <a:cxn ang="T100">
                      <a:pos x="T4" y="T5"/>
                    </a:cxn>
                    <a:cxn ang="T101">
                      <a:pos x="T6" y="T7"/>
                    </a:cxn>
                    <a:cxn ang="T102">
                      <a:pos x="T8" y="T9"/>
                    </a:cxn>
                    <a:cxn ang="T103">
                      <a:pos x="T10" y="T11"/>
                    </a:cxn>
                    <a:cxn ang="T104">
                      <a:pos x="T12" y="T13"/>
                    </a:cxn>
                    <a:cxn ang="T105">
                      <a:pos x="T14" y="T15"/>
                    </a:cxn>
                    <a:cxn ang="T106">
                      <a:pos x="T16" y="T17"/>
                    </a:cxn>
                    <a:cxn ang="T107">
                      <a:pos x="T18" y="T19"/>
                    </a:cxn>
                    <a:cxn ang="T108">
                      <a:pos x="T20" y="T21"/>
                    </a:cxn>
                    <a:cxn ang="T109">
                      <a:pos x="T22" y="T23"/>
                    </a:cxn>
                    <a:cxn ang="T110">
                      <a:pos x="T24" y="T25"/>
                    </a:cxn>
                    <a:cxn ang="T111">
                      <a:pos x="T26" y="T27"/>
                    </a:cxn>
                    <a:cxn ang="T112">
                      <a:pos x="T28" y="T29"/>
                    </a:cxn>
                    <a:cxn ang="T113">
                      <a:pos x="T30" y="T31"/>
                    </a:cxn>
                    <a:cxn ang="T114">
                      <a:pos x="T32" y="T33"/>
                    </a:cxn>
                    <a:cxn ang="T115">
                      <a:pos x="T34" y="T35"/>
                    </a:cxn>
                    <a:cxn ang="T116">
                      <a:pos x="T36" y="T37"/>
                    </a:cxn>
                    <a:cxn ang="T117">
                      <a:pos x="T38" y="T39"/>
                    </a:cxn>
                    <a:cxn ang="T118">
                      <a:pos x="T40" y="T41"/>
                    </a:cxn>
                    <a:cxn ang="T119">
                      <a:pos x="T42" y="T43"/>
                    </a:cxn>
                    <a:cxn ang="T120">
                      <a:pos x="T44" y="T45"/>
                    </a:cxn>
                    <a:cxn ang="T121">
                      <a:pos x="T46" y="T47"/>
                    </a:cxn>
                    <a:cxn ang="T122">
                      <a:pos x="T48" y="T49"/>
                    </a:cxn>
                    <a:cxn ang="T123">
                      <a:pos x="T50" y="T51"/>
                    </a:cxn>
                    <a:cxn ang="T124">
                      <a:pos x="T52" y="T53"/>
                    </a:cxn>
                    <a:cxn ang="T125">
                      <a:pos x="T54" y="T55"/>
                    </a:cxn>
                    <a:cxn ang="T126">
                      <a:pos x="T56" y="T57"/>
                    </a:cxn>
                    <a:cxn ang="T127">
                      <a:pos x="T58" y="T59"/>
                    </a:cxn>
                    <a:cxn ang="T128">
                      <a:pos x="T60" y="T61"/>
                    </a:cxn>
                    <a:cxn ang="T129">
                      <a:pos x="T62" y="T63"/>
                    </a:cxn>
                    <a:cxn ang="T130">
                      <a:pos x="T64" y="T65"/>
                    </a:cxn>
                    <a:cxn ang="T131">
                      <a:pos x="T66" y="T67"/>
                    </a:cxn>
                    <a:cxn ang="T132">
                      <a:pos x="T68" y="T69"/>
                    </a:cxn>
                    <a:cxn ang="T133">
                      <a:pos x="T70" y="T71"/>
                    </a:cxn>
                    <a:cxn ang="T134">
                      <a:pos x="T72" y="T73"/>
                    </a:cxn>
                    <a:cxn ang="T135">
                      <a:pos x="T74" y="T75"/>
                    </a:cxn>
                    <a:cxn ang="T136">
                      <a:pos x="T76" y="T77"/>
                    </a:cxn>
                    <a:cxn ang="T137">
                      <a:pos x="T78" y="T79"/>
                    </a:cxn>
                    <a:cxn ang="T138">
                      <a:pos x="T80" y="T81"/>
                    </a:cxn>
                    <a:cxn ang="T139">
                      <a:pos x="T82" y="T83"/>
                    </a:cxn>
                    <a:cxn ang="T140">
                      <a:pos x="T84" y="T85"/>
                    </a:cxn>
                    <a:cxn ang="T141">
                      <a:pos x="T86" y="T87"/>
                    </a:cxn>
                    <a:cxn ang="T142">
                      <a:pos x="T88" y="T89"/>
                    </a:cxn>
                    <a:cxn ang="T143">
                      <a:pos x="T90" y="T91"/>
                    </a:cxn>
                    <a:cxn ang="T144">
                      <a:pos x="T92" y="T93"/>
                    </a:cxn>
                    <a:cxn ang="T145">
                      <a:pos x="T94" y="T95"/>
                    </a:cxn>
                    <a:cxn ang="T146">
                      <a:pos x="T96" y="T97"/>
                    </a:cxn>
                  </a:cxnLst>
                  <a:rect l="0" t="0" r="r" b="b"/>
                  <a:pathLst>
                    <a:path w="42" h="371">
                      <a:moveTo>
                        <a:pt x="42" y="2"/>
                      </a:moveTo>
                      <a:lnTo>
                        <a:pt x="42" y="0"/>
                      </a:lnTo>
                      <a:lnTo>
                        <a:pt x="36" y="1"/>
                      </a:lnTo>
                      <a:lnTo>
                        <a:pt x="31" y="5"/>
                      </a:lnTo>
                      <a:lnTo>
                        <a:pt x="25" y="12"/>
                      </a:lnTo>
                      <a:lnTo>
                        <a:pt x="21" y="25"/>
                      </a:lnTo>
                      <a:lnTo>
                        <a:pt x="16" y="39"/>
                      </a:lnTo>
                      <a:lnTo>
                        <a:pt x="12" y="55"/>
                      </a:lnTo>
                      <a:lnTo>
                        <a:pt x="8" y="72"/>
                      </a:lnTo>
                      <a:lnTo>
                        <a:pt x="6" y="91"/>
                      </a:lnTo>
                      <a:lnTo>
                        <a:pt x="3" y="113"/>
                      </a:lnTo>
                      <a:lnTo>
                        <a:pt x="1" y="160"/>
                      </a:lnTo>
                      <a:lnTo>
                        <a:pt x="0" y="185"/>
                      </a:lnTo>
                      <a:lnTo>
                        <a:pt x="1" y="210"/>
                      </a:lnTo>
                      <a:lnTo>
                        <a:pt x="2" y="233"/>
                      </a:lnTo>
                      <a:lnTo>
                        <a:pt x="3" y="256"/>
                      </a:lnTo>
                      <a:lnTo>
                        <a:pt x="6" y="277"/>
                      </a:lnTo>
                      <a:lnTo>
                        <a:pt x="8" y="297"/>
                      </a:lnTo>
                      <a:lnTo>
                        <a:pt x="13" y="315"/>
                      </a:lnTo>
                      <a:lnTo>
                        <a:pt x="16" y="331"/>
                      </a:lnTo>
                      <a:lnTo>
                        <a:pt x="21" y="344"/>
                      </a:lnTo>
                      <a:lnTo>
                        <a:pt x="26" y="358"/>
                      </a:lnTo>
                      <a:lnTo>
                        <a:pt x="31" y="364"/>
                      </a:lnTo>
                      <a:lnTo>
                        <a:pt x="35" y="368"/>
                      </a:lnTo>
                      <a:lnTo>
                        <a:pt x="42" y="371"/>
                      </a:lnTo>
                      <a:lnTo>
                        <a:pt x="42" y="369"/>
                      </a:lnTo>
                      <a:lnTo>
                        <a:pt x="40" y="368"/>
                      </a:lnTo>
                      <a:lnTo>
                        <a:pt x="33" y="362"/>
                      </a:lnTo>
                      <a:lnTo>
                        <a:pt x="26" y="351"/>
                      </a:lnTo>
                      <a:lnTo>
                        <a:pt x="23" y="344"/>
                      </a:lnTo>
                      <a:lnTo>
                        <a:pt x="18" y="331"/>
                      </a:lnTo>
                      <a:lnTo>
                        <a:pt x="15" y="315"/>
                      </a:lnTo>
                      <a:lnTo>
                        <a:pt x="11" y="297"/>
                      </a:lnTo>
                      <a:lnTo>
                        <a:pt x="8" y="277"/>
                      </a:lnTo>
                      <a:lnTo>
                        <a:pt x="5" y="256"/>
                      </a:lnTo>
                      <a:lnTo>
                        <a:pt x="4" y="233"/>
                      </a:lnTo>
                      <a:lnTo>
                        <a:pt x="3" y="210"/>
                      </a:lnTo>
                      <a:lnTo>
                        <a:pt x="2" y="185"/>
                      </a:lnTo>
                      <a:lnTo>
                        <a:pt x="3" y="160"/>
                      </a:lnTo>
                      <a:lnTo>
                        <a:pt x="5" y="113"/>
                      </a:lnTo>
                      <a:lnTo>
                        <a:pt x="8" y="91"/>
                      </a:lnTo>
                      <a:lnTo>
                        <a:pt x="11" y="72"/>
                      </a:lnTo>
                      <a:lnTo>
                        <a:pt x="14" y="55"/>
                      </a:lnTo>
                      <a:lnTo>
                        <a:pt x="18" y="39"/>
                      </a:lnTo>
                      <a:lnTo>
                        <a:pt x="23" y="25"/>
                      </a:lnTo>
                      <a:lnTo>
                        <a:pt x="27" y="16"/>
                      </a:lnTo>
                      <a:lnTo>
                        <a:pt x="33" y="8"/>
                      </a:lnTo>
                      <a:lnTo>
                        <a:pt x="39" y="3"/>
                      </a:lnTo>
                      <a:lnTo>
                        <a:pt x="42" y="2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5" name="Freeform 114">
                  <a:extLst>
                    <a:ext uri="{FF2B5EF4-FFF2-40B4-BE49-F238E27FC236}">
                      <a16:creationId xmlns:a16="http://schemas.microsoft.com/office/drawing/2014/main" id="{960A9326-9178-43DD-BD58-E87723FC28FA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03" y="2767"/>
                  <a:ext cx="22" cy="81"/>
                </a:xfrm>
                <a:custGeom>
                  <a:avLst/>
                  <a:gdLst>
                    <a:gd name="T0" fmla="*/ 0 w 42"/>
                    <a:gd name="T1" fmla="*/ 1 h 161"/>
                    <a:gd name="T2" fmla="*/ 1 w 42"/>
                    <a:gd name="T3" fmla="*/ 1 h 161"/>
                    <a:gd name="T4" fmla="*/ 1 w 42"/>
                    <a:gd name="T5" fmla="*/ 1 h 161"/>
                    <a:gd name="T6" fmla="*/ 1 w 42"/>
                    <a:gd name="T7" fmla="*/ 1 h 161"/>
                    <a:gd name="T8" fmla="*/ 1 w 42"/>
                    <a:gd name="T9" fmla="*/ 1 h 161"/>
                    <a:gd name="T10" fmla="*/ 1 w 42"/>
                    <a:gd name="T11" fmla="*/ 1 h 161"/>
                    <a:gd name="T12" fmla="*/ 1 w 42"/>
                    <a:gd name="T13" fmla="*/ 1 h 161"/>
                    <a:gd name="T14" fmla="*/ 1 w 42"/>
                    <a:gd name="T15" fmla="*/ 1 h 161"/>
                    <a:gd name="T16" fmla="*/ 1 w 42"/>
                    <a:gd name="T17" fmla="*/ 1 h 161"/>
                    <a:gd name="T18" fmla="*/ 1 w 42"/>
                    <a:gd name="T19" fmla="*/ 1 h 161"/>
                    <a:gd name="T20" fmla="*/ 1 w 42"/>
                    <a:gd name="T21" fmla="*/ 1 h 161"/>
                    <a:gd name="T22" fmla="*/ 1 w 42"/>
                    <a:gd name="T23" fmla="*/ 0 h 161"/>
                    <a:gd name="T24" fmla="*/ 1 w 42"/>
                    <a:gd name="T25" fmla="*/ 0 h 161"/>
                    <a:gd name="T26" fmla="*/ 1 w 42"/>
                    <a:gd name="T27" fmla="*/ 0 h 161"/>
                    <a:gd name="T28" fmla="*/ 1 w 42"/>
                    <a:gd name="T29" fmla="*/ 1 h 161"/>
                    <a:gd name="T30" fmla="*/ 1 w 42"/>
                    <a:gd name="T31" fmla="*/ 1 h 161"/>
                    <a:gd name="T32" fmla="*/ 1 w 42"/>
                    <a:gd name="T33" fmla="*/ 1 h 161"/>
                    <a:gd name="T34" fmla="*/ 1 w 42"/>
                    <a:gd name="T35" fmla="*/ 1 h 161"/>
                    <a:gd name="T36" fmla="*/ 1 w 42"/>
                    <a:gd name="T37" fmla="*/ 1 h 161"/>
                    <a:gd name="T38" fmla="*/ 1 w 42"/>
                    <a:gd name="T39" fmla="*/ 1 h 161"/>
                    <a:gd name="T40" fmla="*/ 1 w 42"/>
                    <a:gd name="T41" fmla="*/ 1 h 161"/>
                    <a:gd name="T42" fmla="*/ 1 w 42"/>
                    <a:gd name="T43" fmla="*/ 1 h 161"/>
                    <a:gd name="T44" fmla="*/ 1 w 42"/>
                    <a:gd name="T45" fmla="*/ 1 h 161"/>
                    <a:gd name="T46" fmla="*/ 1 w 42"/>
                    <a:gd name="T47" fmla="*/ 1 h 161"/>
                    <a:gd name="T48" fmla="*/ 0 w 42"/>
                    <a:gd name="T49" fmla="*/ 1 h 161"/>
                    <a:gd name="T50" fmla="*/ 0 w 42"/>
                    <a:gd name="T51" fmla="*/ 1 h 161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</a:gdLst>
                  <a:ahLst/>
                  <a:cxnLst>
                    <a:cxn ang="T52">
                      <a:pos x="T0" y="T1"/>
                    </a:cxn>
                    <a:cxn ang="T53">
                      <a:pos x="T2" y="T3"/>
                    </a:cxn>
                    <a:cxn ang="T54">
                      <a:pos x="T4" y="T5"/>
                    </a:cxn>
                    <a:cxn ang="T55">
                      <a:pos x="T6" y="T7"/>
                    </a:cxn>
                    <a:cxn ang="T56">
                      <a:pos x="T8" y="T9"/>
                    </a:cxn>
                    <a:cxn ang="T57">
                      <a:pos x="T10" y="T11"/>
                    </a:cxn>
                    <a:cxn ang="T58">
                      <a:pos x="T12" y="T13"/>
                    </a:cxn>
                    <a:cxn ang="T59">
                      <a:pos x="T14" y="T15"/>
                    </a:cxn>
                    <a:cxn ang="T60">
                      <a:pos x="T16" y="T17"/>
                    </a:cxn>
                    <a:cxn ang="T61">
                      <a:pos x="T18" y="T19"/>
                    </a:cxn>
                    <a:cxn ang="T62">
                      <a:pos x="T20" y="T21"/>
                    </a:cxn>
                    <a:cxn ang="T63">
                      <a:pos x="T22" y="T23"/>
                    </a:cxn>
                    <a:cxn ang="T64">
                      <a:pos x="T24" y="T25"/>
                    </a:cxn>
                    <a:cxn ang="T65">
                      <a:pos x="T26" y="T27"/>
                    </a:cxn>
                    <a:cxn ang="T66">
                      <a:pos x="T28" y="T29"/>
                    </a:cxn>
                    <a:cxn ang="T67">
                      <a:pos x="T30" y="T31"/>
                    </a:cxn>
                    <a:cxn ang="T68">
                      <a:pos x="T32" y="T33"/>
                    </a:cxn>
                    <a:cxn ang="T69">
                      <a:pos x="T34" y="T35"/>
                    </a:cxn>
                    <a:cxn ang="T70">
                      <a:pos x="T36" y="T37"/>
                    </a:cxn>
                    <a:cxn ang="T71">
                      <a:pos x="T38" y="T39"/>
                    </a:cxn>
                    <a:cxn ang="T72">
                      <a:pos x="T40" y="T41"/>
                    </a:cxn>
                    <a:cxn ang="T73">
                      <a:pos x="T42" y="T43"/>
                    </a:cxn>
                    <a:cxn ang="T74">
                      <a:pos x="T44" y="T45"/>
                    </a:cxn>
                    <a:cxn ang="T75">
                      <a:pos x="T46" y="T47"/>
                    </a:cxn>
                    <a:cxn ang="T76">
                      <a:pos x="T48" y="T49"/>
                    </a:cxn>
                    <a:cxn ang="T77">
                      <a:pos x="T50" y="T51"/>
                    </a:cxn>
                  </a:cxnLst>
                  <a:rect l="0" t="0" r="r" b="b"/>
                  <a:pathLst>
                    <a:path w="42" h="161">
                      <a:moveTo>
                        <a:pt x="0" y="161"/>
                      </a:moveTo>
                      <a:lnTo>
                        <a:pt x="8" y="159"/>
                      </a:lnTo>
                      <a:lnTo>
                        <a:pt x="13" y="154"/>
                      </a:lnTo>
                      <a:lnTo>
                        <a:pt x="18" y="144"/>
                      </a:lnTo>
                      <a:lnTo>
                        <a:pt x="22" y="134"/>
                      </a:lnTo>
                      <a:lnTo>
                        <a:pt x="27" y="121"/>
                      </a:lnTo>
                      <a:lnTo>
                        <a:pt x="31" y="105"/>
                      </a:lnTo>
                      <a:lnTo>
                        <a:pt x="35" y="87"/>
                      </a:lnTo>
                      <a:lnTo>
                        <a:pt x="38" y="67"/>
                      </a:lnTo>
                      <a:lnTo>
                        <a:pt x="40" y="46"/>
                      </a:lnTo>
                      <a:lnTo>
                        <a:pt x="41" y="23"/>
                      </a:lnTo>
                      <a:lnTo>
                        <a:pt x="42" y="0"/>
                      </a:lnTo>
                      <a:lnTo>
                        <a:pt x="41" y="0"/>
                      </a:lnTo>
                      <a:lnTo>
                        <a:pt x="40" y="0"/>
                      </a:lnTo>
                      <a:lnTo>
                        <a:pt x="39" y="23"/>
                      </a:lnTo>
                      <a:lnTo>
                        <a:pt x="38" y="46"/>
                      </a:lnTo>
                      <a:lnTo>
                        <a:pt x="36" y="67"/>
                      </a:lnTo>
                      <a:lnTo>
                        <a:pt x="32" y="87"/>
                      </a:lnTo>
                      <a:lnTo>
                        <a:pt x="29" y="105"/>
                      </a:lnTo>
                      <a:lnTo>
                        <a:pt x="25" y="121"/>
                      </a:lnTo>
                      <a:lnTo>
                        <a:pt x="20" y="134"/>
                      </a:lnTo>
                      <a:lnTo>
                        <a:pt x="16" y="144"/>
                      </a:lnTo>
                      <a:lnTo>
                        <a:pt x="11" y="152"/>
                      </a:lnTo>
                      <a:lnTo>
                        <a:pt x="6" y="157"/>
                      </a:lnTo>
                      <a:lnTo>
                        <a:pt x="0" y="159"/>
                      </a:lnTo>
                      <a:lnTo>
                        <a:pt x="0" y="161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6" name="Freeform 115">
                  <a:extLst>
                    <a:ext uri="{FF2B5EF4-FFF2-40B4-BE49-F238E27FC236}">
                      <a16:creationId xmlns:a16="http://schemas.microsoft.com/office/drawing/2014/main" id="{7A02A4BE-714A-4ED8-8AB6-C99E2965BB33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23" y="2742"/>
                  <a:ext cx="2" cy="25"/>
                </a:xfrm>
                <a:custGeom>
                  <a:avLst/>
                  <a:gdLst>
                    <a:gd name="T0" fmla="*/ 0 w 5"/>
                    <a:gd name="T1" fmla="*/ 1 h 50"/>
                    <a:gd name="T2" fmla="*/ 0 w 5"/>
                    <a:gd name="T3" fmla="*/ 1 h 50"/>
                    <a:gd name="T4" fmla="*/ 0 w 5"/>
                    <a:gd name="T5" fmla="*/ 0 h 50"/>
                    <a:gd name="T6" fmla="*/ 0 w 5"/>
                    <a:gd name="T7" fmla="*/ 0 h 50"/>
                    <a:gd name="T8" fmla="*/ 0 w 5"/>
                    <a:gd name="T9" fmla="*/ 0 h 50"/>
                    <a:gd name="T10" fmla="*/ 0 w 5"/>
                    <a:gd name="T11" fmla="*/ 1 h 50"/>
                    <a:gd name="T12" fmla="*/ 0 w 5"/>
                    <a:gd name="T13" fmla="*/ 1 h 50"/>
                    <a:gd name="T14" fmla="*/ 0 w 5"/>
                    <a:gd name="T15" fmla="*/ 1 h 50"/>
                    <a:gd name="T16" fmla="*/ 0 60000 65536"/>
                    <a:gd name="T17" fmla="*/ 0 60000 65536"/>
                    <a:gd name="T18" fmla="*/ 0 60000 65536"/>
                    <a:gd name="T19" fmla="*/ 0 60000 65536"/>
                    <a:gd name="T20" fmla="*/ 0 60000 65536"/>
                    <a:gd name="T21" fmla="*/ 0 60000 65536"/>
                    <a:gd name="T22" fmla="*/ 0 60000 65536"/>
                    <a:gd name="T23" fmla="*/ 0 60000 65536"/>
                  </a:gdLst>
                  <a:ahLst/>
                  <a:cxnLst>
                    <a:cxn ang="T16">
                      <a:pos x="T0" y="T1"/>
                    </a:cxn>
                    <a:cxn ang="T17">
                      <a:pos x="T2" y="T3"/>
                    </a:cxn>
                    <a:cxn ang="T18">
                      <a:pos x="T4" y="T5"/>
                    </a:cxn>
                    <a:cxn ang="T19">
                      <a:pos x="T6" y="T7"/>
                    </a:cxn>
                    <a:cxn ang="T20">
                      <a:pos x="T8" y="T9"/>
                    </a:cxn>
                    <a:cxn ang="T21">
                      <a:pos x="T10" y="T11"/>
                    </a:cxn>
                    <a:cxn ang="T22">
                      <a:pos x="T12" y="T13"/>
                    </a:cxn>
                    <a:cxn ang="T23">
                      <a:pos x="T14" y="T15"/>
                    </a:cxn>
                  </a:cxnLst>
                  <a:rect l="0" t="0" r="r" b="b"/>
                  <a:pathLst>
                    <a:path w="5" h="50">
                      <a:moveTo>
                        <a:pt x="3" y="50"/>
                      </a:moveTo>
                      <a:lnTo>
                        <a:pt x="5" y="26"/>
                      </a:lnTo>
                      <a:lnTo>
                        <a:pt x="5" y="0"/>
                      </a:lnTo>
                      <a:lnTo>
                        <a:pt x="2" y="0"/>
                      </a:lnTo>
                      <a:lnTo>
                        <a:pt x="0" y="0"/>
                      </a:lnTo>
                      <a:lnTo>
                        <a:pt x="0" y="50"/>
                      </a:lnTo>
                      <a:lnTo>
                        <a:pt x="2" y="50"/>
                      </a:lnTo>
                      <a:lnTo>
                        <a:pt x="3" y="5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  <p:sp>
              <p:nvSpPr>
                <p:cNvPr id="77" name="Freeform 116">
                  <a:extLst>
                    <a:ext uri="{FF2B5EF4-FFF2-40B4-BE49-F238E27FC236}">
                      <a16:creationId xmlns:a16="http://schemas.microsoft.com/office/drawing/2014/main" id="{490681B4-9DFA-408C-BF42-8B6A94177C64}"/>
                    </a:ext>
                  </a:extLst>
                </p:cNvPr>
                <p:cNvSpPr>
                  <a:spLocks/>
                </p:cNvSpPr>
                <p:nvPr/>
              </p:nvSpPr>
              <p:spPr bwMode="auto">
                <a:xfrm>
                  <a:off x="2103" y="2662"/>
                  <a:ext cx="22" cy="92"/>
                </a:xfrm>
                <a:custGeom>
                  <a:avLst/>
                  <a:gdLst>
                    <a:gd name="T0" fmla="*/ 1 w 44"/>
                    <a:gd name="T1" fmla="*/ 1 h 183"/>
                    <a:gd name="T2" fmla="*/ 1 w 44"/>
                    <a:gd name="T3" fmla="*/ 1 h 183"/>
                    <a:gd name="T4" fmla="*/ 1 w 44"/>
                    <a:gd name="T5" fmla="*/ 1 h 183"/>
                    <a:gd name="T6" fmla="*/ 1 w 44"/>
                    <a:gd name="T7" fmla="*/ 1 h 183"/>
                    <a:gd name="T8" fmla="*/ 1 w 44"/>
                    <a:gd name="T9" fmla="*/ 1 h 183"/>
                    <a:gd name="T10" fmla="*/ 1 w 44"/>
                    <a:gd name="T11" fmla="*/ 1 h 183"/>
                    <a:gd name="T12" fmla="*/ 1 w 44"/>
                    <a:gd name="T13" fmla="*/ 1 h 183"/>
                    <a:gd name="T14" fmla="*/ 1 w 44"/>
                    <a:gd name="T15" fmla="*/ 1 h 183"/>
                    <a:gd name="T16" fmla="*/ 1 w 44"/>
                    <a:gd name="T17" fmla="*/ 1 h 183"/>
                    <a:gd name="T18" fmla="*/ 1 w 44"/>
                    <a:gd name="T19" fmla="*/ 1 h 183"/>
                    <a:gd name="T20" fmla="*/ 1 w 44"/>
                    <a:gd name="T21" fmla="*/ 1 h 183"/>
                    <a:gd name="T22" fmla="*/ 0 w 44"/>
                    <a:gd name="T23" fmla="*/ 0 h 183"/>
                    <a:gd name="T24" fmla="*/ 0 w 44"/>
                    <a:gd name="T25" fmla="*/ 0 h 183"/>
                    <a:gd name="T26" fmla="*/ 0 w 44"/>
                    <a:gd name="T27" fmla="*/ 1 h 183"/>
                    <a:gd name="T28" fmla="*/ 1 w 44"/>
                    <a:gd name="T29" fmla="*/ 1 h 183"/>
                    <a:gd name="T30" fmla="*/ 1 w 44"/>
                    <a:gd name="T31" fmla="*/ 1 h 183"/>
                    <a:gd name="T32" fmla="*/ 1 w 44"/>
                    <a:gd name="T33" fmla="*/ 1 h 183"/>
                    <a:gd name="T34" fmla="*/ 1 w 44"/>
                    <a:gd name="T35" fmla="*/ 1 h 183"/>
                    <a:gd name="T36" fmla="*/ 1 w 44"/>
                    <a:gd name="T37" fmla="*/ 1 h 183"/>
                    <a:gd name="T38" fmla="*/ 1 w 44"/>
                    <a:gd name="T39" fmla="*/ 1 h 183"/>
                    <a:gd name="T40" fmla="*/ 1 w 44"/>
                    <a:gd name="T41" fmla="*/ 1 h 183"/>
                    <a:gd name="T42" fmla="*/ 1 w 44"/>
                    <a:gd name="T43" fmla="*/ 1 h 183"/>
                    <a:gd name="T44" fmla="*/ 1 w 44"/>
                    <a:gd name="T45" fmla="*/ 1 h 183"/>
                    <a:gd name="T46" fmla="*/ 1 w 44"/>
                    <a:gd name="T47" fmla="*/ 1 h 183"/>
                    <a:gd name="T48" fmla="*/ 1 w 44"/>
                    <a:gd name="T49" fmla="*/ 1 h 183"/>
                    <a:gd name="T50" fmla="*/ 1 w 44"/>
                    <a:gd name="T51" fmla="*/ 1 h 183"/>
                    <a:gd name="T52" fmla="*/ 0 60000 65536"/>
                    <a:gd name="T53" fmla="*/ 0 60000 65536"/>
                    <a:gd name="T54" fmla="*/ 0 60000 65536"/>
                    <a:gd name="T55" fmla="*/ 0 60000 65536"/>
                    <a:gd name="T56" fmla="*/ 0 60000 65536"/>
                    <a:gd name="T57" fmla="*/ 0 60000 65536"/>
                    <a:gd name="T58" fmla="*/ 0 60000 65536"/>
                    <a:gd name="T59" fmla="*/ 0 60000 65536"/>
                    <a:gd name="T60" fmla="*/ 0 60000 65536"/>
                    <a:gd name="T61" fmla="*/ 0 60000 65536"/>
                    <a:gd name="T62" fmla="*/ 0 60000 65536"/>
                    <a:gd name="T63" fmla="*/ 0 60000 65536"/>
                    <a:gd name="T64" fmla="*/ 0 60000 65536"/>
                    <a:gd name="T65" fmla="*/ 0 60000 65536"/>
                    <a:gd name="T66" fmla="*/ 0 60000 65536"/>
                    <a:gd name="T67" fmla="*/ 0 60000 65536"/>
                    <a:gd name="T68" fmla="*/ 0 60000 65536"/>
                    <a:gd name="T69" fmla="*/ 0 60000 65536"/>
                    <a:gd name="T70" fmla="*/ 0 60000 65536"/>
                    <a:gd name="T71" fmla="*/ 0 60000 65536"/>
                    <a:gd name="T72" fmla="*/ 0 60000 65536"/>
                    <a:gd name="T73" fmla="*/ 0 60000 65536"/>
                    <a:gd name="T74" fmla="*/ 0 60000 65536"/>
                    <a:gd name="T75" fmla="*/ 0 60000 65536"/>
                    <a:gd name="T76" fmla="*/ 0 60000 65536"/>
                    <a:gd name="T77" fmla="*/ 0 60000 65536"/>
                  </a:gdLst>
                  <a:ahLst/>
                  <a:cxnLst>
                    <a:cxn ang="T52">
                      <a:pos x="T0" y="T1"/>
                    </a:cxn>
                    <a:cxn ang="T53">
                      <a:pos x="T2" y="T3"/>
                    </a:cxn>
                    <a:cxn ang="T54">
                      <a:pos x="T4" y="T5"/>
                    </a:cxn>
                    <a:cxn ang="T55">
                      <a:pos x="T6" y="T7"/>
                    </a:cxn>
                    <a:cxn ang="T56">
                      <a:pos x="T8" y="T9"/>
                    </a:cxn>
                    <a:cxn ang="T57">
                      <a:pos x="T10" y="T11"/>
                    </a:cxn>
                    <a:cxn ang="T58">
                      <a:pos x="T12" y="T13"/>
                    </a:cxn>
                    <a:cxn ang="T59">
                      <a:pos x="T14" y="T15"/>
                    </a:cxn>
                    <a:cxn ang="T60">
                      <a:pos x="T16" y="T17"/>
                    </a:cxn>
                    <a:cxn ang="T61">
                      <a:pos x="T18" y="T19"/>
                    </a:cxn>
                    <a:cxn ang="T62">
                      <a:pos x="T20" y="T21"/>
                    </a:cxn>
                    <a:cxn ang="T63">
                      <a:pos x="T22" y="T23"/>
                    </a:cxn>
                    <a:cxn ang="T64">
                      <a:pos x="T24" y="T25"/>
                    </a:cxn>
                    <a:cxn ang="T65">
                      <a:pos x="T26" y="T27"/>
                    </a:cxn>
                    <a:cxn ang="T66">
                      <a:pos x="T28" y="T29"/>
                    </a:cxn>
                    <a:cxn ang="T67">
                      <a:pos x="T30" y="T31"/>
                    </a:cxn>
                    <a:cxn ang="T68">
                      <a:pos x="T32" y="T33"/>
                    </a:cxn>
                    <a:cxn ang="T69">
                      <a:pos x="T34" y="T35"/>
                    </a:cxn>
                    <a:cxn ang="T70">
                      <a:pos x="T36" y="T37"/>
                    </a:cxn>
                    <a:cxn ang="T71">
                      <a:pos x="T38" y="T39"/>
                    </a:cxn>
                    <a:cxn ang="T72">
                      <a:pos x="T40" y="T41"/>
                    </a:cxn>
                    <a:cxn ang="T73">
                      <a:pos x="T42" y="T43"/>
                    </a:cxn>
                    <a:cxn ang="T74">
                      <a:pos x="T44" y="T45"/>
                    </a:cxn>
                    <a:cxn ang="T75">
                      <a:pos x="T46" y="T47"/>
                    </a:cxn>
                    <a:cxn ang="T76">
                      <a:pos x="T48" y="T49"/>
                    </a:cxn>
                    <a:cxn ang="T77">
                      <a:pos x="T50" y="T51"/>
                    </a:cxn>
                  </a:cxnLst>
                  <a:rect l="0" t="0" r="r" b="b"/>
                  <a:pathLst>
                    <a:path w="44" h="183">
                      <a:moveTo>
                        <a:pt x="44" y="160"/>
                      </a:moveTo>
                      <a:lnTo>
                        <a:pt x="44" y="183"/>
                      </a:lnTo>
                      <a:lnTo>
                        <a:pt x="40" y="113"/>
                      </a:lnTo>
                      <a:lnTo>
                        <a:pt x="38" y="91"/>
                      </a:lnTo>
                      <a:lnTo>
                        <a:pt x="35" y="72"/>
                      </a:lnTo>
                      <a:lnTo>
                        <a:pt x="31" y="55"/>
                      </a:lnTo>
                      <a:lnTo>
                        <a:pt x="27" y="39"/>
                      </a:lnTo>
                      <a:lnTo>
                        <a:pt x="22" y="25"/>
                      </a:lnTo>
                      <a:lnTo>
                        <a:pt x="18" y="14"/>
                      </a:lnTo>
                      <a:lnTo>
                        <a:pt x="12" y="5"/>
                      </a:lnTo>
                      <a:lnTo>
                        <a:pt x="8" y="1"/>
                      </a:lnTo>
                      <a:lnTo>
                        <a:pt x="0" y="0"/>
                      </a:lnTo>
                      <a:lnTo>
                        <a:pt x="0" y="2"/>
                      </a:lnTo>
                      <a:lnTo>
                        <a:pt x="6" y="3"/>
                      </a:lnTo>
                      <a:lnTo>
                        <a:pt x="12" y="8"/>
                      </a:lnTo>
                      <a:lnTo>
                        <a:pt x="16" y="14"/>
                      </a:lnTo>
                      <a:lnTo>
                        <a:pt x="20" y="25"/>
                      </a:lnTo>
                      <a:lnTo>
                        <a:pt x="25" y="39"/>
                      </a:lnTo>
                      <a:lnTo>
                        <a:pt x="29" y="55"/>
                      </a:lnTo>
                      <a:lnTo>
                        <a:pt x="32" y="72"/>
                      </a:lnTo>
                      <a:lnTo>
                        <a:pt x="36" y="91"/>
                      </a:lnTo>
                      <a:lnTo>
                        <a:pt x="38" y="113"/>
                      </a:lnTo>
                      <a:lnTo>
                        <a:pt x="40" y="160"/>
                      </a:lnTo>
                      <a:lnTo>
                        <a:pt x="41" y="160"/>
                      </a:lnTo>
                      <a:lnTo>
                        <a:pt x="44" y="160"/>
                      </a:lnTo>
                      <a:close/>
                    </a:path>
                  </a:pathLst>
                </a:custGeom>
                <a:solidFill>
                  <a:srgbClr val="000000"/>
                </a:solidFill>
                <a:ln>
                  <a:noFill/>
                </a:ln>
                <a:extLs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round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de-DE"/>
                </a:p>
              </p:txBody>
            </p:sp>
          </p:grpSp>
          <p:sp>
            <p:nvSpPr>
              <p:cNvPr id="13" name="Diagonaler Streifen 12">
                <a:extLst>
                  <a:ext uri="{FF2B5EF4-FFF2-40B4-BE49-F238E27FC236}">
                    <a16:creationId xmlns:a16="http://schemas.microsoft.com/office/drawing/2014/main" id="{A7E40FD5-3589-41B5-B7C0-9BC420EB7CDD}"/>
                  </a:ext>
                </a:extLst>
              </p:cNvPr>
              <p:cNvSpPr/>
              <p:nvPr/>
            </p:nvSpPr>
            <p:spPr bwMode="auto">
              <a:xfrm rot="10800000">
                <a:off x="2886511" y="2852936"/>
                <a:ext cx="1641055" cy="3154638"/>
              </a:xfrm>
              <a:prstGeom prst="diagStripe">
                <a:avLst>
                  <a:gd name="adj" fmla="val 70344"/>
                </a:avLst>
              </a:prstGeom>
              <a:solidFill>
                <a:srgbClr val="FF0000"/>
              </a:solidFill>
              <a:ln w="9525" cap="flat" cmpd="sng" algn="ctr">
                <a:solidFill>
                  <a:schemeClr val="tx1"/>
                </a:solidFill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0" marR="0" indent="0" algn="l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de-DE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Arial" panose="020B0604020202020204" pitchFamily="34" charset="0"/>
                </a:endParaRPr>
              </a:p>
            </p:txBody>
          </p:sp>
          <p:sp>
            <p:nvSpPr>
              <p:cNvPr id="14" name="Diagonaler Streifen 13">
                <a:extLst>
                  <a:ext uri="{FF2B5EF4-FFF2-40B4-BE49-F238E27FC236}">
                    <a16:creationId xmlns:a16="http://schemas.microsoft.com/office/drawing/2014/main" id="{12AB8E28-1DDD-40BD-BF7E-C1D5EF6600F3}"/>
                  </a:ext>
                </a:extLst>
              </p:cNvPr>
              <p:cNvSpPr/>
              <p:nvPr/>
            </p:nvSpPr>
            <p:spPr bwMode="auto">
              <a:xfrm rot="16200000">
                <a:off x="3780103" y="3601504"/>
                <a:ext cx="3145218" cy="1648509"/>
              </a:xfrm>
              <a:prstGeom prst="diagStripe">
                <a:avLst>
                  <a:gd name="adj" fmla="val 70235"/>
                </a:avLst>
              </a:prstGeom>
              <a:solidFill>
                <a:srgbClr val="00B0F0"/>
              </a:solidFill>
              <a:ln w="9525" cap="flat" cmpd="sng" algn="ctr">
                <a:solidFill>
                  <a:schemeClr val="tx1"/>
                </a:solidFill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0" marR="0" indent="0" algn="l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de-DE" sz="2400" b="0" i="0" u="none" strike="noStrike" cap="none" normalizeH="0" baseline="0" dirty="0">
                  <a:ln>
                    <a:noFill/>
                  </a:ln>
                  <a:solidFill>
                    <a:schemeClr val="tx1"/>
                  </a:solidFill>
                  <a:effectLst/>
                  <a:latin typeface="Arial" panose="020B0604020202020204" pitchFamily="34" charset="0"/>
                </a:endParaRPr>
              </a:p>
            </p:txBody>
          </p:sp>
          <p:sp>
            <p:nvSpPr>
              <p:cNvPr id="15" name="Textfeld 14">
                <a:extLst>
                  <a:ext uri="{FF2B5EF4-FFF2-40B4-BE49-F238E27FC236}">
                    <a16:creationId xmlns:a16="http://schemas.microsoft.com/office/drawing/2014/main" id="{28BB6C04-5E96-4819-B43E-B1524E089BEC}"/>
                  </a:ext>
                </a:extLst>
              </p:cNvPr>
              <p:cNvSpPr txBox="1"/>
              <p:nvPr/>
            </p:nvSpPr>
            <p:spPr>
              <a:xfrm rot="3599566">
                <a:off x="4437563" y="4579389"/>
                <a:ext cx="1747404" cy="43942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de-DE" sz="2800" b="1" dirty="0"/>
                  <a:t>Sauerstoff</a:t>
                </a:r>
              </a:p>
            </p:txBody>
          </p:sp>
          <p:sp>
            <p:nvSpPr>
              <p:cNvPr id="16" name="Textfeld 15">
                <a:extLst>
                  <a:ext uri="{FF2B5EF4-FFF2-40B4-BE49-F238E27FC236}">
                    <a16:creationId xmlns:a16="http://schemas.microsoft.com/office/drawing/2014/main" id="{A28C1D40-06E4-4F7F-B0D2-AFC117C2B087}"/>
                  </a:ext>
                </a:extLst>
              </p:cNvPr>
              <p:cNvSpPr txBox="1"/>
              <p:nvPr/>
            </p:nvSpPr>
            <p:spPr>
              <a:xfrm rot="17977944">
                <a:off x="2912589" y="4386715"/>
                <a:ext cx="1865517" cy="43942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de-DE" sz="2800" b="1" dirty="0"/>
                  <a:t>Temperatur</a:t>
                </a:r>
              </a:p>
            </p:txBody>
          </p:sp>
        </p:grpSp>
        <p:sp>
          <p:nvSpPr>
            <p:cNvPr id="10" name="Rechteck 9">
              <a:extLst>
                <a:ext uri="{FF2B5EF4-FFF2-40B4-BE49-F238E27FC236}">
                  <a16:creationId xmlns:a16="http://schemas.microsoft.com/office/drawing/2014/main" id="{78C3CFC4-F1A7-4829-A878-9A2CB08D61A6}"/>
                </a:ext>
              </a:extLst>
            </p:cNvPr>
            <p:cNvSpPr/>
            <p:nvPr/>
          </p:nvSpPr>
          <p:spPr bwMode="auto">
            <a:xfrm>
              <a:off x="4354546" y="4264840"/>
              <a:ext cx="3888432" cy="504056"/>
            </a:xfrm>
            <a:prstGeom prst="rect">
              <a:avLst/>
            </a:prstGeom>
            <a:noFill/>
            <a:ln w="9525" cap="flat" cmpd="sng" algn="ctr">
              <a:noFill/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pPr marL="0" marR="0" indent="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r>
                <a:rPr lang="de-DE" b="1" dirty="0">
                  <a:effectLst>
                    <a:glow rad="228600">
                      <a:schemeClr val="bg1">
                        <a:alpha val="90000"/>
                      </a:schemeClr>
                    </a:glow>
                  </a:effectLst>
                </a:rPr>
                <a:t>bei r</a:t>
              </a:r>
              <a:r>
                <a:rPr kumimoji="0" lang="de-DE" b="1" i="0" u="none" strike="noStrike" cap="none" normalizeH="0" baseline="0" dirty="0">
                  <a:ln>
                    <a:noFill/>
                  </a:ln>
                  <a:solidFill>
                    <a:schemeClr val="tx1"/>
                  </a:solidFill>
                  <a:effectLst>
                    <a:glow rad="228600">
                      <a:schemeClr val="bg1">
                        <a:alpha val="90000"/>
                      </a:schemeClr>
                    </a:glow>
                  </a:effectLst>
                </a:rPr>
                <a:t>ichtigem </a:t>
              </a:r>
            </a:p>
            <a:p>
              <a:pPr marL="0" marR="0" indent="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r>
                <a:rPr kumimoji="0" lang="de-DE" b="1" i="0" u="none" strike="noStrike" cap="none" normalizeH="0" baseline="0" dirty="0">
                  <a:ln>
                    <a:noFill/>
                  </a:ln>
                  <a:solidFill>
                    <a:schemeClr val="tx1"/>
                  </a:solidFill>
                  <a:effectLst>
                    <a:glow rad="228600">
                      <a:schemeClr val="bg1">
                        <a:alpha val="90000"/>
                      </a:schemeClr>
                    </a:glow>
                  </a:effectLst>
                </a:rPr>
                <a:t>Mengenverhältnis</a:t>
              </a:r>
            </a:p>
          </p:txBody>
        </p:sp>
      </p:grpSp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423063" y="781124"/>
            <a:ext cx="8291264" cy="609600"/>
          </a:xfrm>
          <a:prstGeom prst="rect">
            <a:avLst/>
          </a:prstGeom>
        </p:spPr>
        <p:txBody>
          <a:bodyPr lIns="0" tIns="0" rIns="0" bIns="0"/>
          <a:lstStyle/>
          <a:p>
            <a:r>
              <a:rPr lang="de-DE" sz="3800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Voraussetzungen für die Verbrennung</a:t>
            </a:r>
          </a:p>
        </p:txBody>
      </p:sp>
    </p:spTree>
    <p:custDataLst>
      <p:tags r:id="rId1"/>
    </p:custData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330717" y="69269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sz="3800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Arten der Wärmeausbreitung</a:t>
            </a:r>
          </a:p>
        </p:txBody>
      </p:sp>
      <p:graphicFrame>
        <p:nvGraphicFramePr>
          <p:cNvPr id="2" name="Diagramm 1">
            <a:extLst>
              <a:ext uri="{FF2B5EF4-FFF2-40B4-BE49-F238E27FC236}">
                <a16:creationId xmlns:a16="http://schemas.microsoft.com/office/drawing/2014/main" id="{AD04183E-27FB-479F-B755-88B153B31579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1275342614"/>
              </p:ext>
            </p:extLst>
          </p:nvPr>
        </p:nvGraphicFramePr>
        <p:xfrm>
          <a:off x="971600" y="1651900"/>
          <a:ext cx="7272808" cy="400934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689354646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66723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Brandklassen</a:t>
            </a:r>
          </a:p>
        </p:txBody>
      </p:sp>
      <p:graphicFrame>
        <p:nvGraphicFramePr>
          <p:cNvPr id="4" name="Tabelle 3">
            <a:extLst>
              <a:ext uri="{FF2B5EF4-FFF2-40B4-BE49-F238E27FC236}">
                <a16:creationId xmlns:a16="http://schemas.microsoft.com/office/drawing/2014/main" id="{3F52FE32-763E-4F7F-B720-A72E03F820B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95882115"/>
              </p:ext>
            </p:extLst>
          </p:nvPr>
        </p:nvGraphicFramePr>
        <p:xfrm>
          <a:off x="1428328" y="1662336"/>
          <a:ext cx="6096000" cy="4032000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864096">
                  <a:extLst>
                    <a:ext uri="{9D8B030D-6E8A-4147-A177-3AD203B41FA5}">
                      <a16:colId xmlns:a16="http://schemas.microsoft.com/office/drawing/2014/main" val="4117632096"/>
                    </a:ext>
                  </a:extLst>
                </a:gridCol>
                <a:gridCol w="2664296">
                  <a:extLst>
                    <a:ext uri="{9D8B030D-6E8A-4147-A177-3AD203B41FA5}">
                      <a16:colId xmlns:a16="http://schemas.microsoft.com/office/drawing/2014/main" val="2136303993"/>
                    </a:ext>
                  </a:extLst>
                </a:gridCol>
                <a:gridCol w="2567608">
                  <a:extLst>
                    <a:ext uri="{9D8B030D-6E8A-4147-A177-3AD203B41FA5}">
                      <a16:colId xmlns:a16="http://schemas.microsoft.com/office/drawing/2014/main" val="3983136366"/>
                    </a:ext>
                  </a:extLst>
                </a:gridCol>
              </a:tblGrid>
              <a:tr h="432000">
                <a:tc gridSpan="2"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andklasse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 hMerge="1"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eispiel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552802076"/>
                  </a:ext>
                </a:extLst>
              </a:tr>
              <a:tr h="720000">
                <a:tc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ände fester Stoffe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Holz, Papier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089546208"/>
                  </a:ext>
                </a:extLst>
              </a:tr>
              <a:tr h="720000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ände flüssiger oder</a:t>
                      </a:r>
                    </a:p>
                    <a:p>
                      <a:r>
                        <a:rPr lang="de-DE" sz="1800" u="none" strike="noStrike" kern="1200" baseline="0" dirty="0"/>
                        <a:t>flüssig werdender Stoffe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enzin, Kerzenwachs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571504962"/>
                  </a:ext>
                </a:extLst>
              </a:tr>
              <a:tr h="720000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ände von Gasen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Erdgas, Propan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8490690"/>
                  </a:ext>
                </a:extLst>
              </a:tr>
              <a:tr h="720000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ände von Metallen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Magnesium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04952117"/>
                  </a:ext>
                </a:extLst>
              </a:tr>
              <a:tr h="720000">
                <a:tc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Brände in Frittier- und</a:t>
                      </a:r>
                    </a:p>
                    <a:p>
                      <a:r>
                        <a:rPr lang="de-DE" sz="1800" u="none" strike="noStrike" kern="1200" baseline="0" dirty="0"/>
                        <a:t>Fettbackgeräten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de-DE" sz="1800" u="none" strike="noStrike" kern="1200" baseline="0" dirty="0"/>
                        <a:t>Speisefette und -öle</a:t>
                      </a:r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186664976"/>
                  </a:ext>
                </a:extLst>
              </a:tr>
            </a:tbl>
          </a:graphicData>
        </a:graphic>
      </p:graphicFrame>
      <p:pic>
        <p:nvPicPr>
          <p:cNvPr id="10" name="Grafik 9">
            <a:extLst>
              <a:ext uri="{FF2B5EF4-FFF2-40B4-BE49-F238E27FC236}">
                <a16:creationId xmlns:a16="http://schemas.microsoft.com/office/drawing/2014/main" id="{B0FE6516-1BBC-4144-B947-83A0D07FAA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577503" y="2166392"/>
            <a:ext cx="556934" cy="576000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DFD7EB11-4E67-4E9E-A572-BB2657BAF62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577503" y="2886472"/>
            <a:ext cx="556934" cy="576000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14200FF5-53A6-4114-88EC-BC53E8E53F67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577503" y="3606552"/>
            <a:ext cx="556934" cy="576000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1213B5A5-DC69-45AC-8364-28657A9D63B4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577503" y="4326632"/>
            <a:ext cx="556934" cy="576000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182E38E8-5670-4704-B05C-22C5E292DA39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BEBA8EAE-BF5A-486C-A8C5-ECC9F3942E4B}">
                <a14:imgProps xmlns:a14="http://schemas.microsoft.com/office/drawing/2010/main">
                  <a14:imgLayer r:embed="rId13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577503" y="5046712"/>
            <a:ext cx="556934" cy="576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4365842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75992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verfahren</a:t>
            </a:r>
          </a:p>
        </p:txBody>
      </p:sp>
      <p:graphicFrame>
        <p:nvGraphicFramePr>
          <p:cNvPr id="4" name="Tabelle 3">
            <a:extLst>
              <a:ext uri="{FF2B5EF4-FFF2-40B4-BE49-F238E27FC236}">
                <a16:creationId xmlns:a16="http://schemas.microsoft.com/office/drawing/2014/main" id="{3F52FE32-763E-4F7F-B720-A72E03F820B4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15647049"/>
              </p:ext>
            </p:extLst>
          </p:nvPr>
        </p:nvGraphicFramePr>
        <p:xfrm>
          <a:off x="1475656" y="1556792"/>
          <a:ext cx="6096000" cy="4406582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1392471">
                  <a:extLst>
                    <a:ext uri="{9D8B030D-6E8A-4147-A177-3AD203B41FA5}">
                      <a16:colId xmlns:a16="http://schemas.microsoft.com/office/drawing/2014/main" val="4117632096"/>
                    </a:ext>
                  </a:extLst>
                </a:gridCol>
                <a:gridCol w="1567843">
                  <a:extLst>
                    <a:ext uri="{9D8B030D-6E8A-4147-A177-3AD203B41FA5}">
                      <a16:colId xmlns:a16="http://schemas.microsoft.com/office/drawing/2014/main" val="2136303993"/>
                    </a:ext>
                  </a:extLst>
                </a:gridCol>
                <a:gridCol w="1567843">
                  <a:extLst>
                    <a:ext uri="{9D8B030D-6E8A-4147-A177-3AD203B41FA5}">
                      <a16:colId xmlns:a16="http://schemas.microsoft.com/office/drawing/2014/main" val="3983136366"/>
                    </a:ext>
                  </a:extLst>
                </a:gridCol>
                <a:gridCol w="1567843">
                  <a:extLst>
                    <a:ext uri="{9D8B030D-6E8A-4147-A177-3AD203B41FA5}">
                      <a16:colId xmlns:a16="http://schemas.microsoft.com/office/drawing/2014/main" val="3668158433"/>
                    </a:ext>
                  </a:extLst>
                </a:gridCol>
              </a:tblGrid>
              <a:tr h="374735">
                <a:tc rowSpan="2">
                  <a:txBody>
                    <a:bodyPr/>
                    <a:lstStyle/>
                    <a:p>
                      <a:r>
                        <a:rPr lang="de-DE" dirty="0">
                          <a:latin typeface="Frutiger CE 55 Roman"/>
                        </a:rPr>
                        <a:t>Brandklasse</a:t>
                      </a:r>
                    </a:p>
                  </a:txBody>
                  <a:tcPr anchor="ctr">
                    <a:lnR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</a:tcPr>
                </a:tc>
                <a:tc gridSpan="3">
                  <a:txBody>
                    <a:bodyPr/>
                    <a:lstStyle/>
                    <a:p>
                      <a:pPr algn="ctr"/>
                      <a:r>
                        <a:rPr lang="de-DE" dirty="0">
                          <a:latin typeface="Frutiger CE 55 Roman"/>
                        </a:rPr>
                        <a:t>Löschverfahren (Regelfall)</a:t>
                      </a:r>
                    </a:p>
                  </a:txBody>
                  <a:tcPr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B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 hMerge="1"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961841131"/>
                  </a:ext>
                </a:extLst>
              </a:tr>
              <a:tr h="343507">
                <a:tc vMerge="1"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de-DE" sz="1600" u="none" strike="noStrike" kern="1200" baseline="0" dirty="0">
                          <a:solidFill>
                            <a:schemeClr val="bg1"/>
                          </a:solidFill>
                          <a:latin typeface="Frutiger CE 55 Roman"/>
                        </a:rPr>
                        <a:t>Abkühlen</a:t>
                      </a:r>
                      <a:endParaRPr lang="de-DE" sz="1600" dirty="0">
                        <a:solidFill>
                          <a:schemeClr val="bg1"/>
                        </a:solidFill>
                        <a:latin typeface="Frutiger CE 55 Roman"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de-DE" sz="1600" u="none" strike="noStrike" kern="1200" baseline="0" dirty="0">
                          <a:solidFill>
                            <a:schemeClr val="bg1"/>
                          </a:solidFill>
                          <a:latin typeface="Frutiger CE 55 Roman"/>
                        </a:rPr>
                        <a:t>Ersticken</a:t>
                      </a:r>
                      <a:endParaRPr lang="de-DE" sz="1600" dirty="0">
                        <a:solidFill>
                          <a:schemeClr val="bg1"/>
                        </a:solidFill>
                        <a:latin typeface="Frutiger CE 55 Roman"/>
                      </a:endParaRPr>
                    </a:p>
                  </a:txBody>
                  <a:tcPr anchor="ctr"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de-DE" sz="1600" dirty="0">
                          <a:solidFill>
                            <a:schemeClr val="bg1"/>
                          </a:solidFill>
                          <a:latin typeface="Frutiger CE 55 Roman"/>
                        </a:rPr>
                        <a:t>Beseitigen</a:t>
                      </a:r>
                    </a:p>
                  </a:txBody>
                  <a:tcPr anchor="ctr">
                    <a:lnT w="127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552802076"/>
                  </a:ext>
                </a:extLst>
              </a:tr>
              <a:tr h="737668">
                <a:tc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b"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ctr"/>
                      <a:endParaRPr lang="de-DE" sz="4000" dirty="0">
                        <a:latin typeface="Frutiger CE 55 Roman"/>
                      </a:endParaRPr>
                    </a:p>
                  </a:txBody>
                  <a:tcPr anchor="ctr"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>
                    <a:lnT w="38100" cap="flat" cmpd="sng" algn="ctr">
                      <a:solidFill>
                        <a:schemeClr val="bg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extLst>
                  <a:ext uri="{0D108BD9-81ED-4DB2-BD59-A6C34878D82A}">
                    <a16:rowId xmlns:a16="http://schemas.microsoft.com/office/drawing/2014/main" val="2089546208"/>
                  </a:ext>
                </a:extLst>
              </a:tr>
              <a:tr h="737668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de-DE" sz="4000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571504962"/>
                  </a:ext>
                </a:extLst>
              </a:tr>
              <a:tr h="737668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de-DE" sz="4000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8490690"/>
                  </a:ext>
                </a:extLst>
              </a:tr>
              <a:tr h="737668">
                <a:tc>
                  <a:txBody>
                    <a:bodyPr/>
                    <a:lstStyle/>
                    <a:p>
                      <a:endParaRPr lang="de-DE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de-DE" sz="4000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04952117"/>
                  </a:ext>
                </a:extLst>
              </a:tr>
              <a:tr h="737668">
                <a:tc>
                  <a:txBody>
                    <a:bodyPr/>
                    <a:lstStyle/>
                    <a:p>
                      <a:endParaRPr lang="de-DE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endParaRPr lang="de-DE" sz="4000" dirty="0">
                        <a:latin typeface="Frutiger CE 55 Roman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de-DE" sz="4000" kern="1200" dirty="0">
                          <a:solidFill>
                            <a:srgbClr val="00B050"/>
                          </a:solidFill>
                          <a:effectLst/>
                          <a:latin typeface="+mn-lt"/>
                          <a:ea typeface="+mn-ea"/>
                          <a:cs typeface="+mn-cs"/>
                          <a:sym typeface="Wingdings" panose="05000000000000000000" pitchFamily="2" charset="2"/>
                        </a:rPr>
                        <a:t></a:t>
                      </a:r>
                      <a:endParaRPr lang="de-DE" sz="4000" kern="1200" dirty="0">
                        <a:solidFill>
                          <a:srgbClr val="00B050"/>
                        </a:solidFill>
                        <a:effectLst/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186664976"/>
                  </a:ext>
                </a:extLst>
              </a:tr>
            </a:tbl>
          </a:graphicData>
        </a:graphic>
      </p:graphicFrame>
      <p:pic>
        <p:nvPicPr>
          <p:cNvPr id="10" name="Grafik 9">
            <a:extLst>
              <a:ext uri="{FF2B5EF4-FFF2-40B4-BE49-F238E27FC236}">
                <a16:creationId xmlns:a16="http://schemas.microsoft.com/office/drawing/2014/main" id="{B0FE6516-1BBC-4144-B947-83A0D07FAAB9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909014" y="2348880"/>
            <a:ext cx="556934" cy="576000"/>
          </a:xfrm>
          <a:prstGeom prst="rect">
            <a:avLst/>
          </a:prstGeom>
        </p:spPr>
      </p:pic>
      <p:pic>
        <p:nvPicPr>
          <p:cNvPr id="13" name="Grafik 12">
            <a:extLst>
              <a:ext uri="{FF2B5EF4-FFF2-40B4-BE49-F238E27FC236}">
                <a16:creationId xmlns:a16="http://schemas.microsoft.com/office/drawing/2014/main" id="{DFD7EB11-4E67-4E9E-A572-BB2657BAF626}"/>
              </a:ext>
            </a:extLst>
          </p:cNvPr>
          <p:cNvPicPr>
            <a:picLocks noChangeAspect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909014" y="3086962"/>
            <a:ext cx="556934" cy="576000"/>
          </a:xfrm>
          <a:prstGeom prst="rect">
            <a:avLst/>
          </a:prstGeom>
        </p:spPr>
      </p:pic>
      <p:pic>
        <p:nvPicPr>
          <p:cNvPr id="15" name="Grafik 14">
            <a:extLst>
              <a:ext uri="{FF2B5EF4-FFF2-40B4-BE49-F238E27FC236}">
                <a16:creationId xmlns:a16="http://schemas.microsoft.com/office/drawing/2014/main" id="{14200FF5-53A6-4114-88EC-BC53E8E53F67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909014" y="3825044"/>
            <a:ext cx="556934" cy="576000"/>
          </a:xfrm>
          <a:prstGeom prst="rect">
            <a:avLst/>
          </a:prstGeom>
        </p:spPr>
      </p:pic>
      <p:pic>
        <p:nvPicPr>
          <p:cNvPr id="17" name="Grafik 16">
            <a:extLst>
              <a:ext uri="{FF2B5EF4-FFF2-40B4-BE49-F238E27FC236}">
                <a16:creationId xmlns:a16="http://schemas.microsoft.com/office/drawing/2014/main" id="{1213B5A5-DC69-45AC-8364-28657A9D63B4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909014" y="4563126"/>
            <a:ext cx="556934" cy="576000"/>
          </a:xfrm>
          <a:prstGeom prst="rect">
            <a:avLst/>
          </a:prstGeom>
        </p:spPr>
      </p:pic>
      <p:pic>
        <p:nvPicPr>
          <p:cNvPr id="19" name="Grafik 18">
            <a:extLst>
              <a:ext uri="{FF2B5EF4-FFF2-40B4-BE49-F238E27FC236}">
                <a16:creationId xmlns:a16="http://schemas.microsoft.com/office/drawing/2014/main" id="{182E38E8-5670-4704-B05C-22C5E292DA39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BEBA8EAE-BF5A-486C-A8C5-ECC9F3942E4B}">
                <a14:imgProps xmlns:a14="http://schemas.microsoft.com/office/drawing/2010/main">
                  <a14:imgLayer r:embed="rId13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1909014" y="5301208"/>
            <a:ext cx="556934" cy="576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02230941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457200" y="105273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</a:t>
            </a:r>
          </a:p>
        </p:txBody>
      </p:sp>
      <p:graphicFrame>
        <p:nvGraphicFramePr>
          <p:cNvPr id="3" name="Diagramm 2">
            <a:extLst>
              <a:ext uri="{FF2B5EF4-FFF2-40B4-BE49-F238E27FC236}">
                <a16:creationId xmlns:a16="http://schemas.microsoft.com/office/drawing/2014/main" id="{DD8A51C5-9567-4D8F-81AB-9B97156E027F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952770605"/>
              </p:ext>
            </p:extLst>
          </p:nvPr>
        </p:nvGraphicFramePr>
        <p:xfrm>
          <a:off x="851046" y="1268760"/>
          <a:ext cx="7643192" cy="4680519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12" name="Rechteck 11">
            <a:extLst>
              <a:ext uri="{FF2B5EF4-FFF2-40B4-BE49-F238E27FC236}">
                <a16:creationId xmlns:a16="http://schemas.microsoft.com/office/drawing/2014/main" id="{08159354-323A-4059-812C-ECA666D0C73D}"/>
              </a:ext>
            </a:extLst>
          </p:cNvPr>
          <p:cNvSpPr/>
          <p:nvPr/>
        </p:nvSpPr>
        <p:spPr>
          <a:xfrm>
            <a:off x="-4717032" y="908720"/>
            <a:ext cx="4320480" cy="4896544"/>
          </a:xfrm>
          <a:prstGeom prst="rect">
            <a:avLst/>
          </a:prstGeom>
          <a:solidFill>
            <a:schemeClr val="bg1">
              <a:lumMod val="85000"/>
            </a:schemeClr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pic>
        <p:nvPicPr>
          <p:cNvPr id="14" name="Grafik 13">
            <a:extLst>
              <a:ext uri="{FF2B5EF4-FFF2-40B4-BE49-F238E27FC236}">
                <a16:creationId xmlns:a16="http://schemas.microsoft.com/office/drawing/2014/main" id="{ED72FCB4-23E1-4D64-A621-0B9AA43C10EE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3324268" y="1823693"/>
            <a:ext cx="870206" cy="900000"/>
          </a:xfrm>
          <a:prstGeom prst="rect">
            <a:avLst/>
          </a:prstGeom>
        </p:spPr>
      </p:pic>
      <p:pic>
        <p:nvPicPr>
          <p:cNvPr id="16" name="Grafik 15">
            <a:extLst>
              <a:ext uri="{FF2B5EF4-FFF2-40B4-BE49-F238E27FC236}">
                <a16:creationId xmlns:a16="http://schemas.microsoft.com/office/drawing/2014/main" id="{6B271AEB-FFB5-402D-B4F8-D3E7925C774D}"/>
              </a:ext>
            </a:extLst>
          </p:cNvPr>
          <p:cNvPicPr>
            <a:picLocks noChangeAspect="1"/>
          </p:cNvPicPr>
          <p:nvPr/>
        </p:nvPicPr>
        <p:blipFill>
          <a:blip r:embed="rId11">
            <a:extLst>
              <a:ext uri="{BEBA8EAE-BF5A-486C-A8C5-ECC9F3942E4B}">
                <a14:imgProps xmlns:a14="http://schemas.microsoft.com/office/drawing/2010/main">
                  <a14:imgLayer r:embed="rId12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2344283" y="2024560"/>
            <a:ext cx="870206" cy="900000"/>
          </a:xfrm>
          <a:prstGeom prst="rect">
            <a:avLst/>
          </a:prstGeom>
        </p:spPr>
      </p:pic>
      <p:pic>
        <p:nvPicPr>
          <p:cNvPr id="18" name="Grafik 17">
            <a:extLst>
              <a:ext uri="{FF2B5EF4-FFF2-40B4-BE49-F238E27FC236}">
                <a16:creationId xmlns:a16="http://schemas.microsoft.com/office/drawing/2014/main" id="{A998AF78-F61E-46A3-B0F0-FABDFE25B3BB}"/>
              </a:ext>
            </a:extLst>
          </p:cNvPr>
          <p:cNvPicPr>
            <a:picLocks noChangeAspect="1"/>
          </p:cNvPicPr>
          <p:nvPr/>
        </p:nvPicPr>
        <p:blipFill>
          <a:blip r:embed="rId13">
            <a:extLst>
              <a:ext uri="{BEBA8EAE-BF5A-486C-A8C5-ECC9F3942E4B}">
                <a14:imgProps xmlns:a14="http://schemas.microsoft.com/office/drawing/2010/main">
                  <a14:imgLayer r:embed="rId14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4194474" y="2743579"/>
            <a:ext cx="870206" cy="900000"/>
          </a:xfrm>
          <a:prstGeom prst="rect">
            <a:avLst/>
          </a:prstGeom>
        </p:spPr>
      </p:pic>
      <p:pic>
        <p:nvPicPr>
          <p:cNvPr id="20" name="Grafik 19">
            <a:extLst>
              <a:ext uri="{FF2B5EF4-FFF2-40B4-BE49-F238E27FC236}">
                <a16:creationId xmlns:a16="http://schemas.microsoft.com/office/drawing/2014/main" id="{0073952B-3337-439D-B60A-BEF6418D4D90}"/>
              </a:ext>
            </a:extLst>
          </p:cNvPr>
          <p:cNvPicPr>
            <a:picLocks noChangeAspect="1"/>
          </p:cNvPicPr>
          <p:nvPr/>
        </p:nvPicPr>
        <p:blipFill>
          <a:blip r:embed="rId15">
            <a:extLst>
              <a:ext uri="{BEBA8EAE-BF5A-486C-A8C5-ECC9F3942E4B}">
                <a14:imgProps xmlns:a14="http://schemas.microsoft.com/office/drawing/2010/main">
                  <a14:imgLayer r:embed="rId16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2059306" y="3074566"/>
            <a:ext cx="870206" cy="900000"/>
          </a:xfrm>
          <a:prstGeom prst="rect">
            <a:avLst/>
          </a:prstGeom>
        </p:spPr>
      </p:pic>
      <p:pic>
        <p:nvPicPr>
          <p:cNvPr id="21" name="Grafik 20">
            <a:extLst>
              <a:ext uri="{FF2B5EF4-FFF2-40B4-BE49-F238E27FC236}">
                <a16:creationId xmlns:a16="http://schemas.microsoft.com/office/drawing/2014/main" id="{6351B4B0-F61A-4006-88A0-1A271A7C885D}"/>
              </a:ext>
            </a:extLst>
          </p:cNvPr>
          <p:cNvPicPr>
            <a:picLocks noChangeAspect="1"/>
          </p:cNvPicPr>
          <p:nvPr/>
        </p:nvPicPr>
        <p:blipFill>
          <a:blip r:embed="rId17">
            <a:extLst>
              <a:ext uri="{BEBA8EAE-BF5A-486C-A8C5-ECC9F3942E4B}">
                <a14:imgProps xmlns:a14="http://schemas.microsoft.com/office/drawing/2010/main">
                  <a14:imgLayer r:embed="rId18">
                    <a14:imgEffect>
                      <a14:saturation sat="66000"/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-3165719" y="3191258"/>
            <a:ext cx="870206" cy="9000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05704030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9269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 Wasser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5568" y="1557947"/>
            <a:ext cx="4694869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Elektrisch leitfähi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Hohes Wärmebindungsvermö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Abkühlend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Brandklasse A (eingeschränkt B+C)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Mehrzweckstrahlrohre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Hohlstrahlrohre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Kübelspritze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Tragbare Feuerlöscher</a:t>
            </a:r>
            <a:endParaRPr lang="de-DE" sz="2200" dirty="0">
              <a:latin typeface="Frutiger CE 55 Roman"/>
            </a:endParaRP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C5CC3D7F-C686-4F39-8202-8B8E8E1579B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4118" t="2374" r="20927" b="2844"/>
          <a:stretch/>
        </p:blipFill>
        <p:spPr>
          <a:xfrm>
            <a:off x="457201" y="1520322"/>
            <a:ext cx="3085084" cy="42849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02820204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92696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Löschmittel Wasser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3991930" y="1520322"/>
            <a:ext cx="4694869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hinweise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Wasser muss Glut erreich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Wasserschaden vermeid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icherheitsabstände bei elektrischer Spannung beach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Gefahr des Verbrühens durch Verdampfen in geschlossenen Räum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Überlaufen von Behältern bei brennbaren Flüssigkeiten beacht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Gefahr der Fett-/Staubexplosio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formen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Vollstrahl</a:t>
            </a:r>
          </a:p>
          <a:p>
            <a:pPr marL="342900" indent="-342900">
              <a:buFont typeface="Wingdings" panose="05000000000000000000" pitchFamily="2" charset="2"/>
              <a:buChar char="§"/>
            </a:pPr>
            <a:r>
              <a:rPr lang="de-DE" sz="2000" dirty="0">
                <a:latin typeface="Frutiger CE 55 Roman"/>
              </a:rPr>
              <a:t>Sprühstrahl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C5CC3D7F-C686-4F39-8202-8B8E8E1579B5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14118" t="2374" r="20927" b="2844"/>
          <a:stretch/>
        </p:blipFill>
        <p:spPr>
          <a:xfrm>
            <a:off x="457201" y="1520322"/>
            <a:ext cx="3085084" cy="428494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433676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 idx="4294967295"/>
          </p:nvPr>
        </p:nvSpPr>
        <p:spPr>
          <a:xfrm>
            <a:off x="1295400" y="667211"/>
            <a:ext cx="6553200" cy="609600"/>
          </a:xfrm>
          <a:prstGeom prst="rect">
            <a:avLst/>
          </a:prstGeo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Wasser mit Zusätzen</a:t>
            </a:r>
          </a:p>
        </p:txBody>
      </p:sp>
      <p:sp>
        <p:nvSpPr>
          <p:cNvPr id="2" name="Textfeld 1">
            <a:extLst>
              <a:ext uri="{FF2B5EF4-FFF2-40B4-BE49-F238E27FC236}">
                <a16:creationId xmlns:a16="http://schemas.microsoft.com/office/drawing/2014/main" id="{3007A490-B917-4D48-B5F0-652C56AAEBCD}"/>
              </a:ext>
            </a:extLst>
          </p:cNvPr>
          <p:cNvSpPr txBox="1"/>
          <p:nvPr/>
        </p:nvSpPr>
        <p:spPr>
          <a:xfrm>
            <a:off x="454113" y="1484784"/>
            <a:ext cx="8219256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usbringung</a:t>
            </a:r>
          </a:p>
          <a:p>
            <a:pPr marL="342900" indent="-342900">
              <a:buFont typeface="Wingdings" panose="05000000000000000000" pitchFamily="2" charset="2"/>
              <a:buChar char=""/>
            </a:pPr>
            <a:r>
              <a:rPr lang="de-DE" sz="2000" dirty="0">
                <a:latin typeface="Frutiger CE 55 Roman"/>
              </a:rPr>
              <a:t>In der Regel mit für Löschwasser üblichen Löschgerät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Hauptlöschwirkung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Abkühlen durch Entzug der Energie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nsatzgrenzen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Wie beim Wasser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Vorsicht beim Einsatz im Bereich elektrischer Anlagen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Anwendungsbereich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Brandklasse A (eingeschränkt B+C)</a:t>
            </a:r>
          </a:p>
          <a:p>
            <a:pPr>
              <a:spcBef>
                <a:spcPts val="1200"/>
              </a:spcBef>
            </a:pPr>
            <a:r>
              <a:rPr lang="de-DE" sz="2000" b="1" dirty="0">
                <a:solidFill>
                  <a:srgbClr val="E50C37"/>
                </a:solidFill>
                <a:latin typeface="Frutiger CE 55 Roman"/>
              </a:rPr>
              <a:t>Eigenschaften von Netzmitteln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Oberflächenspannung wird verringert</a:t>
            </a:r>
          </a:p>
          <a:p>
            <a:pPr marL="342900" indent="-342900">
              <a:buFont typeface="Wingdings" panose="05000000000000000000" pitchFamily="2" charset="2"/>
              <a:buChar char="ð"/>
            </a:pPr>
            <a:r>
              <a:rPr lang="de-DE" sz="2000" dirty="0">
                <a:latin typeface="Frutiger CE 55 Roman"/>
              </a:rPr>
              <a:t>Löschwasser dringt besser in wasserabweisende, feste Brennstoff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321979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D7543D&quot;,&quot;opacity&quot;:1,&quot;type&quot;:&quot;SOLID&quot;},&quot;primaryButtonBackgroundHover&quot;:{&quot;color&quot;:&quot;#BC4733&quot;,&quot;opacity&quot;:1,&quot;type&quot;:&quot;SOLID&quot;},&quot;primaryButtonBorder&quot;:{&quot;color&quot;:&quot;#D7543D&quot;,&quot;opacity&quot;:1,&quot;type&quot;:&quot;SOLID&quot;},&quot;primaryButtonBorderHover&quot;:{&quot;color&quot;:&quot;#BC4733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false,&quot;courseTitleVisible&quot;:true,&quot;showLogo&quot;:false,&quot;visible&quot;:true},&quot;version&quot;:&quot;1.0&quot;},&quot;skinMessages&quot;:{&quot;PB_ACCESSIBLE_ARIA_LABEL_BACK_TO_BEGIN&quot;:&quot;Zum Anfang der Folie gehen&quot;,&quot;PB_ACCESSIBLE_ARIA_LABEL_BOTTOM_PANEL&quot;:&quot;Fußleiste&quot;,&quot;PB_ACCESSIBLE_ARIA_LABEL_NAVIGATION_BUTTONS&quot;:&quot;Navigationsschalftflächen&quot;,&quot;PB_ACCESSIBLE_ARIA_LABEL_SETTINGS&quot;:&quot;Einstellungen zur Barrierefreiheit&quot;,&quot;PB_ACCESSIBLE_ARIA_LABEL_SLIDE&quot;:&quot;Folie&quot;,&quot;PB_ACCESSIBLE_ARIA_LABEL_TOP_PANEL&quot;:&quot;Kopfleiste&quot;,&quot;PB_ACCESSIBLE_AUDIO_NARRATION_LABEL&quot;:&quot;Audioaufzeichnung&quot;,&quot;PB_ACCESSIBLE_NAVIGATION_NEXT_BUTTON&quot;:&quot;Weiter&quot;,&quot;PB_ACCESSIBLE_NAVIGATION_PREV_BUTTON&quot;:&quot;Zurück&quot;,&quot;PB_ACCESSIBLE_PLAYER_SCENARIO_NOT_SUPPORTED&quot;:&quot;Die Gesprächssimulation wird im barrierefreien Modus nicht unterstützt&quot;,&quot;PB_ACCESSIBLE_SKIN_ENABLE_ACCESSIBILITY_MODE&quot;:&quot;Barrierefreien Modus einschalten&quot;,&quot;PB_ACCESSIBLE_SKIN_ENABLE_NORMAL_MODE&quot;:&quot;Barrierefreien Modus ausschalten&quot;,&quot;PB_ACCESSIBLE_SKIN_PRESENTER_PHOTO&quot;:&quot;Bild vom Dozenten&quot;,&quot;PB_ACCESSIBLE_SLIDE_N_OF_COUNT&quot;:&quot;Folie %SLIDE_NUMBER% von %TOTAL_SLIDES%&quot;,&quot;PB_ACCESSIBLE_VIDEO_NARRATION_LABEL&quot;:&quot;Videoaufzeichnung&quot;,&quot;PB_ACCESSIBLE_WATERMARK_SKIN_CREATED_WITH&quot;:&quot;Erstellt mit iSpring Testversion&quot;,&quot;PB_ATTACHMENT_DOCUMENT_SUBTITLE&quot;:&quot;Dokument&quot;,&quot;PB_ATTACHMENT_FILE_SUBTITLE&quot;:&quot;Datei&quot;,&quot;PB_ATTACHMENT_IMAGE_SUBTITLE&quot;:&quot;Bild&quot;,&quot;PB_ATTACHMENT_LINK_SUBTITLE&quot;:&quot;Link&quot;,&quot;PB_ATTACHMENT_VIDEO_SUBTITLE&quot;:&quot;Video&quot;,&quot;PB_BACK_TO_APP_BUTTON_LABEL&quot;:&quot;Zurück&quot;,&quot;PB_CC_MENU_OFF&quot;:&quot;Aus&quot;,&quot;PB_CC_MENU_ON&quot;:&quot;An&quot;,&quot;PB_CC_MENU_TITLE&quot;:&quot;Notizen&quot;,&quot;PB_COMPANY_LOGO_BIG&quot;:&quot;Firmenlogo \n(266x156)&quot;,&quot;PB_COMPANY_LOGO_SMALL&quot;:&quot;Firmenlogo (266x50)&quot;,&quot;PB_CONTROL_PANEL_EXIT_FULL_SCREEN&quot;:&quot;Vollbildmodus verlassen&quot;,&quot;PB_CONTROL_PANEL_FULL_SCREEN&quot;:&quot;Vollbild-Modus&quot;,&quot;PB_CONTROL_PANEL_NEXT&quot;:&quot;Weiter&quot;,&quot;PB_CONTROL_PANEL_OUTLINE&quot;:&quot;Inhaltsverzeichnis&quot;,&quot;PB_CONTROL_PANEL_PREV&quot;:&quot;&quot;,&quot;PB_CONTROL_PANEL_REPLAY&quot;:&quot;Nochmals abspielen&quot;,&quot;PB_CONTROL_PANEL_SLIDE_COUNTER&quot;:&quot;%SLIDE_NUMBER% von %TOTAL_SLIDES%&quot;,&quot;PB_CONTROL_PANEL_VOLUME_CONTROL&quot;:&quot;Lautstärke&quot;,&quot;PB_CURRENT_SLIDE_IS_NOT_COMPLETED&quot;:&quot;Sie müssen die komplette Folie ansehen um fortfahren zu können&quot;,&quot;PB_DOMAIN_RESTRICTION&quot;:&quot;Entschuldigung Sie bitte, aber der Autor hat das Ausführen der Präsentation auf dieser Domäne nicht erlaubt.&quot;,&quot;PB_DOWNLOAD_APP_MESSAGE&quot;:&quot;Um diese Präsentation mit Videos ansehen zu können, laden Sie bitte die kostenlose iOS Anwendung iSpring Play herunter.&quot;,&quot;PB_DRAWING_TOOLS_END_DRAWING&quot;:&quot;Zeichnen beenden&quot;,&quot;PB_DRAWING_TOOLS_ERASER&quot;:&quot;Radiergummi&quot;,&quot;PB_DRAWING_TOOLS_ERASE_ALL&quot;:&quot;Alles löschen&quot;,&quot;PB_DRAWING_TOOLS_HIGHLIGHTER&quot;:&quot;Leuchtstift&quot;,&quot;PB_DRAWING_TOOLS_PEN&quot;:&quot;Stift&quot;,&quot;PB_ENTER_PASSWORD&quot;:&quot;Geben Sie das Passwort ein, um die Präsentation zu starten.&quot;,&quot;PB_INCORRECT_PASSWORD&quot;:&quot;Das Passwort ist nicht korrekt&quot;,&quot;PB_INTERACTION_SLIDE_WINDOW_TEXT&quot;:&quot;Sie müssen die Interaktion abschließen, bevor Sie diese Folie verlassen.&quot;,&quot;PB_LAUNCH_BTN_LABEL&quot;:&quot;&amp;Anfangen&quot;,&quot;PB_LAUNCH_IN_APP_MESSAGE&quot;:&quot;Um dies als Video anzusehen, müssen Sie iSpring Play nutzen.&quot;,&quot;PB_MESSAGE_BOX_NO&quot;:&quot;Nein&quot;,&quot;PB_MESSAGE_BOX_OK&quot;:&quot;OK&quot;,&quot;PB_MESSAGE_BOX_YES&quot;:&quot;Ja&quot;,&quot;PB_NAVIGATION_IS_RESTRICTED&quot;:&quot;Sie haben nur Zugang zu bereits angesehenen Folien.&quot;,&quot;PB_NAVIGATION_IS_SEQUENTIAL&quot;:&quot;Sie müssen sich die Folien in der vorgegebenen Reihenfolge ansehen.&quot;,&quot;PB_PLAYBACK_RATE_MENU_CAPTION&quot;:&quot;Geschwindigkeit&quot;,&quot;PB_PRECEDING_QUIZ_FAILED_WINDOW_TEXT&quot;:&quot;Sie dürfen nicht fortfahren, da Sie erst das  Quiz auf %SLIDE_INDEX%  besuchen müssen.&quot;,&quot;PB_PRECEDING_QUIZ_NOT_COMPLETED_WINDOW_TEXT&quot;:&quot;Sie müssen Folie%SLIDE_INDEX% ansehen, bevor Sie fortfahren.&quot;,&quot;PB_PRECEDING_QUIZ_NOT_PASSED_WINDOW_TEXT&quot;:&quot;Sie müssen das Quiz auf %SLIDE_INDEX% bestehen bevor Sie fortfahren.&quot;,&quot;PB_PRECEDING_SCENARIO_FAILED_WINDOW_TEXT&quot;:&quot;Sie dürfen nicht fortfahren, weil Sie die Gesprächssimulation auf Folie %SLIDE_INDEX% nicht bestanden haben.&quot;,&quot;PB_PRECEDING_SCENARIO_NOT_COMPLETED_WINDOW_TEXT&quot;:&quot;Sie müssen die Gesprächssimulation auf Folie %SLIDE_INDEX% abschließen, um fortfahren zu können.&quot;,&quot;PB_PRECEDING_SCENARIO_NOT_PASSED_WINDOW_TEXT&quot;:&quot;Sie müssen die Gesprächssimulation auf Folie %SLIDE_INDEX% bestehen, um fortfahren zu können.&quot;,&quot;PB_PRESENTER_COLLAPSE_BIO&quot;:&quot;Weniger anzeigen&quot;,&quot;PB_PRESENTER_EMAIL&quot;:&quot;E-Mail&quot;,&quot;PB_PRESENTER_EXPAND_BIO&quot;:&quot;Mehr anzeigen&quot;,&quot;PB_PRESENTER_HIDE_BIO&quot;:&quot;Verbergen&quot;,&quot;PB_PRESENTER_INFO&quot;:&quot;Informationen zum Dozenten&quot;,&quot;PB_PRESENTER_NO_INFO&quot;:&quot;Keine Dozenteninformationen&quot;,&quot;PB_PRESENTER_SHOW_BIO&quot;:&quot;Anzeigen&quot;,&quot;PB_PRESENTER_VIDEO&quot;:&quot;Dozentenvideo&quot;,&quot;PB_PRESENTER_WEBSITE&quot;:&quot;Webseite&quot;,&quot;PB_QUIZ_SLIDE_WINDOW_TEXT&quot;:&quot;Sie müssen das Quiz beenden, bevor Sie diese Folie verlassen.&quot;,&quot;PB_RATE_MENU_CAPTION&quot;:&quot;Geschwindigkeit&quot;,&quot;PB_RATE_MENU_DEFAULT_RATE&quot;:&quot;Normal&quot;,&quot;PB_RESTRICTION_MESSAGE_BOX_TITLE&quot;:&quot;Navigation ist eingeschränkt&quot;,&quot;PB_RESUME_PRESENTATION_WINDOW_TEXT&quot;:&quot;Möchten Sie von der zuletzt angesehenen Folie starten?&quot;,&quot;PB_RESUME_PRESENTATION_WINDOW_TITLE&quot;:&quot;Präsentation fortsetzen&quot;,&quot;PB_SCENARIO_SLIDE_WINDOW_TEXT&quot;:&quot;Sie müssen die Gesprächssimulation fertigstellen, bevor Sie die Folie verlassen.&quot;,&quot;PB_SEARCH_CANCEL&quot;:&quot;Abbrechen&quot;,&quot;PB_SEARCH_NO_RESULTS_LABEL&quot;:&quot;Keine Übereinstimmungen gefunden.&quot;,&quot;PB_SEARCH_PANEL_DEFAULT_TEXT&quot;:&quot;Suchen…&quot;,&quot;PB_SEARCH_RESULTS_LABEL&quot;:&quot;Suchergebnisse&quot;,&quot;PB_SEARCH_RESULT_IN_NOTES&quot;:&quot;in den Notizen&quot;,&quot;PB_SEARCH_RESULT_IN_TEXT_LABEL&quot;:&quot;in den Folien&quot;,&quot;PB_SUBTITLES_MENU_CAPTION&quot;:&quot;Untertitel&quot;,&quot;PB_SUBTITLES_OFF&quot;:&quot;Aus&quot;,&quot;PB_TAB_NOTES_LABEL&quot;:&quot;Notizen&quot;,&quot;PB_TAB_OUTLINE_LABEL&quot;:&quot;Folien&quot;,&quot;PB_TIME_RESTRICTION&quot;:&quot;Entschuldigen Sie bitte, aber der Verfasser hat die Betrachtung der Präsentation im Moment unterbunden.&quot;,&quot;PB_TITLE_PANEL_ATTACHMENTS&quot;:&quot;Anhänge&quot;,&quot;PB_TITLE_PANEL_DEFAULT_COURSE_TITLE&quot;:&quot;Kurstitel Beispiel&quot;,&quot;PB_TITLE_PANEL_MARKER_TOOLS&quot;:&quot;Zeichnung&quot;,&quot;PB_TITLE_PANEL_NOTES&quot;:&quot;Notizen&quot;,&quot;PB_TITLE_PANEL_OUTLINE&quot;:&quot;Inhaltsverzeichnis&quot;,&quot;PB_TITLE_PANEL_PRESENTER_INFO&quot;:&quot;Informationen zum Dozenten&quot;,&quot;PB_TOOLTIP_ADD_LOGO&quot;:&quot;Klicken Sie hier, um das Firmenlogo hinzuzufügen&quot;,&quot;PB_TOOLTIP_CHANGE_LOGO&quot;:&quot;Klicken Sie hier um das Firmenlogo zu bearbeiten&quot;,&quot;PB_TREE_CONTROL_LOADING&quot;:&quot;Lädt gerade…&quot;,&quot;PB_VIDEO_WINDOW_NO_VIDEO_LABEL&quot;:&quot;Kein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COURSE_TITLE&quot;,&quot;DT_HYPERLINK_TOOLTIP&quot;]},&quot;resources&quot;:{&quot;attachments&quot;:false,&quot;companyLogos&quot;:null,&quot;fonts&quot;:[{&quot;charsets&quot;:{&quot;dynamicFormatted&quot;:[&quot;DCT_INTERACTIVITY_TEXT&quot;],&quot;dynamicPlain&quot;:[&quot;DCT_COURSE_TITLE&quot;,&quot;DCT_HYPERLINK_TOOLTIP&quot;],&quot;static&quot;:[&quot;Normal&quot;,&quot;Lautstärke&quot;,&quot;%SLIDE_NUMBER% von %TOTAL_SLIDES%&quot;,&quot;Möchten Sie von der zuletzt angesehenen Folie starten?&quot;,&quot;Sie müssen das Quiz beenden, bevor Sie diese Folie verlassen.&quot;,&quot;Sie müssen das Quiz auf %SLIDE_INDEX% bestehen bevor Sie fortfahren.&quot;,&quot;Sie müssen Folie%SLIDE_INDEX% ansehen, bevor Sie fortfahren.&quot;,&quot;Sie dürfen nicht fortfahren, da Sie erst das  Quiz auf %SLIDE_INDEX%  besuchen müssen.&quot;,&quot;Sie müssen die Interaktion abschließen, bevor Sie diese Folie verlassen.&quot;,&quot;Sie müssen die Gesprächssimulation fertigstellen, bevor Sie die Folie verlassen.&quot;,&quot;Sie müssen die Gesprächssimulation auf Folie %SLIDE_INDEX% bestehen, um fortfahren zu können.&quot;,&quot;Sie müssen die Gesprächssimulation auf Folie %SLIDE_INDEX% abschließen, um fortfahren zu können.&quot;,&quot;Sie dürfen nicht fortfahren, weil Sie die Gesprächssimulation auf Folie %SLIDE_INDEX% nicht bestanden haben.&quot;,&quot;Sie müssen die komplette Folie ansehen um fortfahren zu können&quot;,&quot;Sie haben nur Zugang zu bereits angesehenen Folien.&quot;,&quot;Sie müssen sich die Folien in der vorgegebenen Reihenfolge ansehen.&quot;,&quot;Geben Sie das Passwort ein, um die Präsentation zu starten.&quot;,&quot;Das Passwort ist nicht korrekt&quot;,&quot;Entschuldigung Sie bitte, aber der Autor hat das Ausführen der Präsentation auf dieser Domäne nicht erlaubt.&quot;,&quot;Entschuldigen Sie bitte, aber der Verfasser hat die Betrachtung der Präsentation im Moment unterbunden.&quot;,&quot;Zurück&quot;,&quot;Weiter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],&quot;dynamicPlain&quot;:[],&quot;static&quot;:[&quot;Weiter&quot;,&quot;Geschwindigkeit&quot;,&quot;Ja&quot;,&quot;Nein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PRESENTATION_COURSE_TITLE" val="Basis 2.0 Brennen &amp; Löschen Präsentation"/>
  <p:tag name="ISPRING_LMS_API_VERSION" val="SCORM 2004 (4th edition)"/>
  <p:tag name="ISPRING_ULTRA_SCORM_COURSE_ID" val="EB73AA5F-B622-469C-B7EF-69BB5A9717A0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0019\uFFFD\uFFFD^{216C2313-316A-42CB-8DA0-7DD1DDF2B060}&quot;,&quot;T:\\NLBK\\Novellierung_Truppausbildung_2024\\03 Basismodule\\Basis 2.0 - Brennen und Löschen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  <p:tag name="ISPRING_PRESENTATION_TITLE" val="Basis 2.0 Brennen &amp; Löschen Präsentation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63C4467-BAA3-470F-82A7-436C6BD24011}:275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C676D77-312C-4E21-B80C-1033688D4FE8}:27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5CC6B84-967D-4A0D-BCC5-5C6FFEF555C7}:27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D8413D1-8BEF-4EB6-902D-94450C55552C}:27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BAF6B8-8C0A-4C73-9F46-81609799148A}:27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EB0927-86AB-4250-8173-093FEC2D8E94}:28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D22DD5F-1A48-44F2-B0AE-8A5A00DD404E}:28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6B58F20-659F-4C09-9C3F-236EBF62E4D4}:28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A588841-334F-43B1-A785-04C42090954D}:26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142C1A-6FA6-4ABD-B119-0A947A3FAAF1}:26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1B77D56-D32E-4A81-A62C-A67F1118A49A}:26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8E0A0EB-CA84-4B58-816C-47D3335E9B0F}:27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B2F506F-5031-4BC7-8168-E6E96B7C1108}:27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8955EB-0AAF-4D71-99D2-711D2A5E0DFF}:27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09FBA4-A11E-433A-8331-E94032AD185E}:27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BB500DC-ABCD-4DEF-9D7E-9918D8ADCEB4}:274"/>
</p:tagLst>
</file>

<file path=ppt/theme/theme1.xml><?xml version="1.0" encoding="utf-8"?>
<a:theme xmlns:a="http://schemas.openxmlformats.org/drawingml/2006/main" name="Titel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00624 RU Muster-Präsentation NLBK" id="{D09F790F-6057-4FDF-BA2D-69D9162EF19C}" vid="{3F01A0E8-55E6-4EC3-949E-7E8243669E9F}"/>
    </a:ext>
  </a:extLst>
</a:theme>
</file>

<file path=ppt/theme/theme2.xml><?xml version="1.0" encoding="utf-8"?>
<a:theme xmlns:a="http://schemas.openxmlformats.org/drawingml/2006/main" name="Folien Inhalt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00624 RU Muster-Präsentation NLBK" id="{D09F790F-6057-4FDF-BA2D-69D9162EF19C}" vid="{5226889E-A30A-42E5-9839-D1189686F3C7}"/>
    </a:ext>
  </a:extLst>
</a:theme>
</file>

<file path=ppt/theme/theme3.xml><?xml version="1.0" encoding="utf-8"?>
<a:theme xmlns:a="http://schemas.openxmlformats.org/drawingml/2006/main" name="Office-Design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-Design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20200624 RU Muster-Präsentation NLBK</Template>
  <TotalTime>0</TotalTime>
  <Words>421</Words>
  <Application>Microsoft Office PowerPoint</Application>
  <PresentationFormat>Bildschirmpräsentation (4:3)</PresentationFormat>
  <Paragraphs>183</Paragraphs>
  <Slides>16</Slides>
  <Notes>16</Notes>
  <HiddenSlides>0</HiddenSlides>
  <MMClips>0</MMClips>
  <ScaleCrop>false</ScaleCrop>
  <HeadingPairs>
    <vt:vector size="6" baseType="variant">
      <vt:variant>
        <vt:lpstr>Verwendete Schriftarten</vt:lpstr>
      </vt:variant>
      <vt:variant>
        <vt:i4>6</vt:i4>
      </vt:variant>
      <vt:variant>
        <vt:lpstr>Design</vt:lpstr>
      </vt:variant>
      <vt:variant>
        <vt:i4>2</vt:i4>
      </vt:variant>
      <vt:variant>
        <vt:lpstr>Folientitel</vt:lpstr>
      </vt:variant>
      <vt:variant>
        <vt:i4>16</vt:i4>
      </vt:variant>
    </vt:vector>
  </HeadingPairs>
  <TitlesOfParts>
    <vt:vector size="24" baseType="lpstr">
      <vt:lpstr>Arial</vt:lpstr>
      <vt:lpstr>Calibri</vt:lpstr>
      <vt:lpstr>Frutiger CE 45 Light</vt:lpstr>
      <vt:lpstr>Frutiger CE 55 Roman</vt:lpstr>
      <vt:lpstr>Symbol</vt:lpstr>
      <vt:lpstr>Wingdings</vt:lpstr>
      <vt:lpstr>Titel</vt:lpstr>
      <vt:lpstr>Folien Inhalt</vt:lpstr>
      <vt:lpstr>Brennen und Löschen Modulare Grundlagenausbildung</vt:lpstr>
      <vt:lpstr>Voraussetzungen für die Verbrennung</vt:lpstr>
      <vt:lpstr>Arten der Wärmeausbreitung</vt:lpstr>
      <vt:lpstr>Brandklassen</vt:lpstr>
      <vt:lpstr>Löschverfahren</vt:lpstr>
      <vt:lpstr>Löschmittel</vt:lpstr>
      <vt:lpstr>Löschmittel Wasser</vt:lpstr>
      <vt:lpstr>Löschmittel Wasser</vt:lpstr>
      <vt:lpstr>Wasser mit Zusätzen</vt:lpstr>
      <vt:lpstr>Löschmittel Schaum</vt:lpstr>
      <vt:lpstr>Löschmittel Schaum</vt:lpstr>
      <vt:lpstr>ABC-/BC-Löschpulver</vt:lpstr>
      <vt:lpstr>D-Löschpulver</vt:lpstr>
      <vt:lpstr>Kohlendioxid (CO2)</vt:lpstr>
      <vt:lpstr>Löschmittel für Fettbrände</vt:lpstr>
      <vt:lpstr>Zusammenfassung</vt:lpstr>
    </vt:vector>
  </TitlesOfParts>
  <Company>IT.Niedersachse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sis 2.0 Brennen &amp; Löschen Präsentation</dc:title>
  <dc:creator>Wiemann, Sascha (NLBK)</dc:creator>
  <cp:lastModifiedBy>Knabenschuh, Jakob (NLBK)</cp:lastModifiedBy>
  <cp:revision>42</cp:revision>
  <dcterms:created xsi:type="dcterms:W3CDTF">2021-01-11T06:05:12Z</dcterms:created>
  <dcterms:modified xsi:type="dcterms:W3CDTF">2023-12-15T11:42:27Z</dcterms:modified>
</cp:coreProperties>
</file>